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5º Bimestre 2015 - Republicação\"/>
    </mc:Choice>
  </mc:AlternateContent>
  <bookViews>
    <workbookView xWindow="0" yWindow="75" windowWidth="16950" windowHeight="7695" tabRatio="889"/>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5</definedName>
    <definedName name="_xlnm.Print_Area" localSheetId="12">'Anexo 13 - Despesas PPP'!$A$1:$L$58</definedName>
    <definedName name="_xlnm.Print_Area" localSheetId="13">'Anexo 14 - Simplificado'!$A$1:$E$105</definedName>
    <definedName name="_xlnm.Print_Area" localSheetId="2">'Anexo 2 - Função'!$A$1:$L$189</definedName>
    <definedName name="_xlnm.Print_Area" localSheetId="3">'Anexo 2.1 - Função - Intra'!$A$1:$L$113</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2</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1</definedName>
    <definedName name="Z_15F968AB_9DD6_4E60_9FDC_FEF44C5FFDCB_.wvu.PrintArea" localSheetId="2" hidden="1">'Anexo 2 - Função'!$A$1:$L$179</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7</definedName>
    <definedName name="Z_25EF1E0D_169B_4051_B414_7E1196FC05E4_.wvu.PrintArea" localSheetId="11" hidden="1">'Anexo 12 - Saúde (Estados)'!$A$1:$H$127</definedName>
    <definedName name="Z_25EF1E0D_169B_4051_B414_7E1196FC05E4_.wvu.PrintArea" localSheetId="12" hidden="1">'Anexo 13 - Despesas PPP'!$A$1:$L$48</definedName>
    <definedName name="Z_25EF1E0D_169B_4051_B414_7E1196FC05E4_.wvu.PrintArea" localSheetId="13" hidden="1">'Anexo 14 - Simplificado'!$A$1:$E$97</definedName>
    <definedName name="Z_25EF1E0D_169B_4051_B414_7E1196FC05E4_.wvu.PrintArea" localSheetId="2" hidden="1">'Anexo 2 - Função'!$A$1:$L$179</definedName>
    <definedName name="Z_25EF1E0D_169B_4051_B414_7E1196FC05E4_.wvu.PrintArea" localSheetId="3" hidden="1">'Anexo 2.1 - Função - Intra'!$A$1:$L$103</definedName>
    <definedName name="Z_25EF1E0D_169B_4051_B414_7E1196FC05E4_.wvu.PrintArea" localSheetId="4" hidden="1">'Anexo 3 - RCL Estados'!$A$1:$H$74</definedName>
    <definedName name="Z_25EF1E0D_169B_4051_B414_7E1196FC05E4_.wvu.PrintArea" localSheetId="5" hidden="1">'Anexo 4 - RPPS Financeiro FR 40'!$A$1:$I$129</definedName>
    <definedName name="Z_25EF1E0D_169B_4051_B414_7E1196FC05E4_.wvu.PrintArea" localSheetId="6" hidden="1">'Anexo 4 - RPPS Previdenciário47'!$A$1:$I$128</definedName>
    <definedName name="Z_25EF1E0D_169B_4051_B414_7E1196FC05E4_.wvu.PrintArea" localSheetId="7" hidden="1">'Anexo 5 - Resultado Nominal'!$A$1:$G$49</definedName>
    <definedName name="Z_25EF1E0D_169B_4051_B414_7E1196FC05E4_.wvu.PrintArea" localSheetId="8" hidden="1">'Anexo 6 - Primário Estados'!$A$1:$H$75</definedName>
    <definedName name="Z_25EF1E0D_169B_4051_B414_7E1196FC05E4_.wvu.PrintArea" localSheetId="9" hidden="1">'Anexo 7 - RP Poder e Órgão'!$A$1:$G$93</definedName>
    <definedName name="Z_25EF1E0D_169B_4051_B414_7E1196FC05E4_.wvu.PrintArea" localSheetId="10" hidden="1">'Anexo 8 - MDE - Estados'!$A$1:$H$189</definedName>
    <definedName name="Z_3AAF6A5F_F9AA_430B_9AD9_1261ECDF41B5_.wvu.PrintArea" localSheetId="0" hidden="1">'Anexo 1 - Balanço Orçamentário'!$A$2:$L$137</definedName>
    <definedName name="Z_3AAF6A5F_F9AA_430B_9AD9_1261ECDF41B5_.wvu.PrintArea" localSheetId="11" hidden="1">'Anexo 12 - Saúde (Estados)'!$A$1:$H$133</definedName>
    <definedName name="Z_3AAF6A5F_F9AA_430B_9AD9_1261ECDF41B5_.wvu.PrintArea" localSheetId="12" hidden="1">'Anexo 13 - Despesas PPP'!$A$1:$L$56</definedName>
    <definedName name="Z_3AAF6A5F_F9AA_430B_9AD9_1261ECDF41B5_.wvu.PrintArea" localSheetId="13" hidden="1">'Anexo 14 - Simplificado'!$A$1:$E$105</definedName>
    <definedName name="Z_3AAF6A5F_F9AA_430B_9AD9_1261ECDF41B5_.wvu.PrintArea" localSheetId="2" hidden="1">'Anexo 2 - Função'!$A$3:$L$190</definedName>
    <definedName name="Z_3AAF6A5F_F9AA_430B_9AD9_1261ECDF41B5_.wvu.PrintArea" localSheetId="4" hidden="1">'Anexo 3 - RCL Estados'!$A$1:$H$84</definedName>
    <definedName name="Z_3AAF6A5F_F9AA_430B_9AD9_1261ECDF41B5_.wvu.PrintArea" localSheetId="6" hidden="1">'Anexo 4 - RPPS Previdenciário47'!$A$1:$I$134</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3</definedName>
    <definedName name="Z_3AAF6A5F_F9AA_430B_9AD9_1261ECDF41B5_.wvu.PrintArea" localSheetId="10" hidden="1">'Anexo 8 - MDE - Estados'!$A$1:$H$197</definedName>
    <definedName name="Z_3AAF6A5F_F9AA_430B_9AD9_1261ECDF41B5_.wvu.Rows" localSheetId="0" hidden="1">'Anexo 1 - Balanço Orçamentário'!$77:$82,'Anexo 1 - Balanço Orçamentário'!$111:$116</definedName>
    <definedName name="Z_6DBFA32C_4AA4_4E1D_9A48_697377C64CC3_.wvu.PrintArea" localSheetId="0" hidden="1">'Anexo 1 - Balanço Orçamentário'!$A$2:$L$137</definedName>
    <definedName name="Z_6DBFA32C_4AA4_4E1D_9A48_697377C64CC3_.wvu.PrintArea" localSheetId="11" hidden="1">'Anexo 12 - Saúde (Estados)'!$A$2:$H$133</definedName>
    <definedName name="Z_6DBFA32C_4AA4_4E1D_9A48_697377C64CC3_.wvu.PrintArea" localSheetId="12" hidden="1">'Anexo 13 - Despesas PPP'!$A$1:$L$56</definedName>
    <definedName name="Z_6DBFA32C_4AA4_4E1D_9A48_697377C64CC3_.wvu.PrintArea" localSheetId="13" hidden="1">'Anexo 14 - Simplificado'!$A$1:$E$105</definedName>
    <definedName name="Z_6DBFA32C_4AA4_4E1D_9A48_697377C64CC3_.wvu.PrintArea" localSheetId="2" hidden="1">'Anexo 2 - Função'!$A$3:$L$190</definedName>
    <definedName name="Z_6DBFA32C_4AA4_4E1D_9A48_697377C64CC3_.wvu.PrintArea" localSheetId="4" hidden="1">'Anexo 3 - RCL Estados'!$A$1:$H$84</definedName>
    <definedName name="Z_6DBFA32C_4AA4_4E1D_9A48_697377C64CC3_.wvu.PrintArea" localSheetId="6" hidden="1">'Anexo 4 - RPPS Previdenciário47'!$A$1:$I$134</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3</definedName>
    <definedName name="Z_6DBFA32C_4AA4_4E1D_9A48_697377C64CC3_.wvu.PrintArea" localSheetId="10" hidden="1">'Anexo 8 - MDE - Estados'!$A$1:$H$197</definedName>
    <definedName name="Z_6DBFA32C_4AA4_4E1D_9A48_697377C64CC3_.wvu.Rows" localSheetId="0" hidden="1">'Anexo 1 - Balanço Orçamentário'!$77:$82,'Anexo 1 - Balanço Orçamentário'!$111:$116</definedName>
    <definedName name="Z_82EDB5A4_4824_4632_A540_7A52C92F04C7_.wvu.PrintArea" localSheetId="0" hidden="1">'Anexo 1 - Balanço Orçamentário'!$A$2:$L$137</definedName>
    <definedName name="Z_82EDB5A4_4824_4632_A540_7A52C92F04C7_.wvu.PrintArea" localSheetId="11" hidden="1">'Anexo 12 - Saúde (Estados)'!$A$2:$H$133</definedName>
    <definedName name="Z_82EDB5A4_4824_4632_A540_7A52C92F04C7_.wvu.PrintArea" localSheetId="12" hidden="1">'Anexo 13 - Despesas PPP'!$A$1:$L$56</definedName>
    <definedName name="Z_82EDB5A4_4824_4632_A540_7A52C92F04C7_.wvu.PrintArea" localSheetId="13" hidden="1">'Anexo 14 - Simplificado'!$A$1:$E$105</definedName>
    <definedName name="Z_82EDB5A4_4824_4632_A540_7A52C92F04C7_.wvu.PrintArea" localSheetId="2" hidden="1">'Anexo 2 - Função'!$A$3:$L$190</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3</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5</definedName>
    <definedName name="Z_C779D862_DE28_46CD_A428_4AAA1056D1E1_.wvu.PrintArea" localSheetId="12" hidden="1">'Anexo 13 - Despesas PPP'!$A$1:$L$58</definedName>
    <definedName name="Z_C779D862_DE28_46CD_A428_4AAA1056D1E1_.wvu.PrintArea" localSheetId="13" hidden="1">'Anexo 14 - Simplificado'!$A$1:$E$105</definedName>
    <definedName name="Z_C779D862_DE28_46CD_A428_4AAA1056D1E1_.wvu.PrintArea" localSheetId="2" hidden="1">'Anexo 2 - Função'!$A$1:$L$189</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2</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CLÁUDIO JOSÉ DAINESE - Modo de exibição pessoal" guid="{C779D862-DE28-46CD-A428-4AAA1056D1E1}" mergeInterval="0" personalView="1" maximized="1" xWindow="-8" yWindow="-8" windowWidth="1382" windowHeight="744" tabRatio="889" activeSheetId="1" showComments="commIndAndComment"/>
    <customWorkbookView name="vyasunaka - Modo de exibição pessoal" guid="{82EDB5A4-4824-4632-A540-7A52C92F04C7}" mergeInterval="0" personalView="1" maximized="1" xWindow="1" yWindow="1" windowWidth="1362" windowHeight="492" tabRatio="893" activeSheetId="9"/>
    <customWorkbookView name="sandrade - Modo de exibição pessoal" guid="{6DBFA32C-4AA4-4E1D-9A48-697377C64CC3}" mergeInterval="0" personalView="1" maximized="1" xWindow="1" yWindow="1" windowWidth="1362" windowHeight="538" tabRatio="893" activeSheetId="11"/>
    <customWorkbookView name="JOSE CARLOS BERNARDI - Modo de exibição pessoal" guid="{25EF1E0D-169B-4051-B414-7E1196FC05E4}" mergeInterval="0" personalView="1" maximized="1" xWindow="1" yWindow="1" windowWidth="1362" windowHeight="496" tabRatio="951" activeSheetId="9"/>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rooliveira - Modo de exibição pessoal" guid="{3AAF6A5F-F9AA-430B-9AD9-1261ECDF41B5}" mergeInterval="0" personalView="1" maximized="1" xWindow="1" yWindow="1" windowWidth="1362" windowHeight="496" tabRatio="893" activeSheetId="8"/>
  </customWorkbookViews>
</workbook>
</file>

<file path=xl/sharedStrings.xml><?xml version="1.0" encoding="utf-8"?>
<sst xmlns="http://schemas.openxmlformats.org/spreadsheetml/2006/main" count="1711" uniqueCount="884">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RECEITA RESULTANTE DE IMPOSTOS</t>
  </si>
  <si>
    <t>(caput do art. 212 da Constituição)</t>
  </si>
  <si>
    <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JANEIRO A OUTUBRO DE 2015 - BIMESTRE SETEMBRO-OUTUBRO</t>
  </si>
  <si>
    <t>NOVEMBRO 2014 A OUTUBRO 2015</t>
  </si>
  <si>
    <t>MAI/2015</t>
  </si>
  <si>
    <t>JUN/2015</t>
  </si>
  <si>
    <t>JUL/2015</t>
  </si>
  <si>
    <t>AGO/2015</t>
  </si>
  <si>
    <t>SET/2015</t>
  </si>
  <si>
    <t>OUT/2015</t>
  </si>
  <si>
    <t xml:space="preserve">       Transferências Constitucionais e Legais</t>
  </si>
  <si>
    <t xml:space="preserve">       Demais Despesas Correntes</t>
  </si>
  <si>
    <t>Em 31/Ago/2015</t>
  </si>
  <si>
    <t>Em 31/Out/2015</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7"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sz val="8"/>
      <color rgb="FFFF0000"/>
      <name val="Verdana"/>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26">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4"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3" xfId="1" applyFont="1" applyFill="1" applyBorder="1" applyAlignment="1">
      <alignment vertical="center" wrapText="1"/>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19"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0" xfId="1" applyNumberFormat="1" applyFont="1" applyFill="1" applyBorder="1" applyAlignment="1">
      <alignment horizontal="center"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3" fontId="5" fillId="2" borderId="10" xfId="5"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0" fontId="26" fillId="3" borderId="6" xfId="1" applyFont="1" applyFill="1" applyBorder="1" applyAlignment="1">
      <alignment vertical="center" wrapText="1"/>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24"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4" fillId="3" borderId="14" xfId="1" applyNumberFormat="1" applyFont="1" applyFill="1" applyBorder="1" applyAlignment="1">
      <alignment vertical="center"/>
    </xf>
    <xf numFmtId="165" fontId="4" fillId="3" borderId="6" xfId="1" applyNumberFormat="1" applyFont="1" applyFill="1" applyBorder="1" applyAlignment="1">
      <alignment vertical="center"/>
    </xf>
    <xf numFmtId="165" fontId="4" fillId="3" borderId="2" xfId="1" applyNumberFormat="1" applyFont="1" applyFill="1" applyBorder="1" applyAlignment="1">
      <alignment vertical="center"/>
    </xf>
    <xf numFmtId="165" fontId="4" fillId="3" borderId="3"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5" fontId="5" fillId="0" borderId="9" xfId="0" applyNumberFormat="1" applyFont="1" applyFill="1" applyBorder="1" applyAlignment="1">
      <alignment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4" fillId="0" borderId="8" xfId="5" applyNumberFormat="1" applyFont="1" applyFill="1" applyBorder="1" applyAlignment="1">
      <alignment horizontal="right" vertical="center"/>
    </xf>
    <xf numFmtId="165" fontId="4" fillId="0" borderId="3" xfId="5" applyNumberFormat="1" applyFont="1" applyFill="1" applyBorder="1" applyAlignment="1">
      <alignment horizontal="right" vertical="center"/>
    </xf>
    <xf numFmtId="165" fontId="5" fillId="0" borderId="12"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22" fontId="4" fillId="0" borderId="0" xfId="0" applyNumberFormat="1" applyFont="1" applyFill="1" applyBorder="1" applyAlignment="1">
      <alignment horizontal="right"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165" fontId="5" fillId="0" borderId="5"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2" xfId="0"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0" xfId="0" applyFont="1" applyFill="1" applyBorder="1" applyAlignment="1">
      <alignment horizontal="center" vertical="center"/>
    </xf>
    <xf numFmtId="0" fontId="5" fillId="2" borderId="6"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5" fillId="2" borderId="11" xfId="5" applyNumberFormat="1" applyFont="1" applyFill="1" applyBorder="1" applyAlignment="1">
      <alignment horizontal="center" vertical="center"/>
    </xf>
    <xf numFmtId="165" fontId="5" fillId="2" borderId="4" xfId="5" applyNumberFormat="1" applyFont="1" applyFill="1" applyBorder="1" applyAlignment="1">
      <alignment horizontal="center" vertical="center"/>
    </xf>
    <xf numFmtId="165" fontId="5" fillId="0" borderId="11" xfId="5" applyNumberFormat="1" applyFont="1" applyBorder="1" applyAlignment="1">
      <alignment horizontal="center" vertical="center" wrapText="1"/>
    </xf>
    <xf numFmtId="165" fontId="5" fillId="0" borderId="6"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165" fontId="4" fillId="0" borderId="6" xfId="5" applyNumberFormat="1"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4" fillId="0" borderId="0" xfId="5" applyNumberFormat="1" applyFont="1" applyFill="1" applyBorder="1" applyAlignment="1">
      <alignment horizontal="right" vertical="center"/>
    </xf>
    <xf numFmtId="165" fontId="5" fillId="0" borderId="11"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165"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165" fontId="5" fillId="0" borderId="10" xfId="0" applyNumberFormat="1" applyFont="1" applyFill="1" applyBorder="1" applyAlignment="1">
      <alignment horizontal="right" vertical="center"/>
    </xf>
    <xf numFmtId="165" fontId="5" fillId="0" borderId="5" xfId="0" applyNumberFormat="1"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165" fontId="4" fillId="0" borderId="8" xfId="5" applyNumberFormat="1" applyFont="1" applyBorder="1" applyAlignment="1">
      <alignment horizontal="right" vertical="center" wrapText="1"/>
    </xf>
    <xf numFmtId="165" fontId="4" fillId="0" borderId="3" xfId="5" applyNumberFormat="1" applyFont="1" applyBorder="1" applyAlignment="1">
      <alignment horizontal="right" vertical="center" wrapText="1"/>
    </xf>
    <xf numFmtId="165" fontId="5" fillId="2" borderId="15" xfId="1" applyNumberFormat="1" applyFont="1" applyFill="1" applyBorder="1" applyAlignment="1">
      <alignment horizontal="right" vertical="center"/>
    </xf>
    <xf numFmtId="165" fontId="5" fillId="0" borderId="10" xfId="1" applyNumberFormat="1" applyFont="1" applyFill="1" applyBorder="1" applyAlignment="1">
      <alignment horizontal="center" vertical="center" wrapText="1"/>
    </xf>
    <xf numFmtId="165" fontId="5" fillId="0" borderId="9" xfId="1" applyNumberFormat="1" applyFont="1" applyFill="1" applyBorder="1" applyAlignment="1">
      <alignment horizontal="center" vertical="center" wrapText="1"/>
    </xf>
    <xf numFmtId="0" fontId="5" fillId="0" borderId="0" xfId="1" applyNumberFormat="1" applyFont="1" applyFill="1" applyAlignment="1">
      <alignment horizontal="center" vertical="center"/>
    </xf>
    <xf numFmtId="0" fontId="5" fillId="2" borderId="5" xfId="1" applyFont="1" applyFill="1" applyBorder="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11" xfId="1" applyFont="1" applyFill="1" applyBorder="1" applyAlignment="1">
      <alignment horizontal="center"/>
    </xf>
    <xf numFmtId="0" fontId="5" fillId="2" borderId="6" xfId="1" applyFont="1" applyFill="1" applyBorder="1" applyAlignment="1">
      <alignment horizont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6" xfId="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5" applyNumberFormat="1" applyFont="1" applyBorder="1" applyAlignment="1">
      <alignment horizontal="right" vertical="center" wrapText="1"/>
    </xf>
    <xf numFmtId="165" fontId="5" fillId="0" borderId="3" xfId="5" applyNumberFormat="1" applyFont="1" applyBorder="1" applyAlignment="1">
      <alignment horizontal="right" vertical="center" wrapText="1"/>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1" xfId="5" applyNumberFormat="1" applyFont="1" applyBorder="1" applyAlignment="1">
      <alignment horizontal="right" vertical="center" wrapText="1"/>
    </xf>
    <xf numFmtId="165" fontId="5" fillId="0" borderId="6" xfId="5" applyNumberFormat="1" applyFont="1" applyBorder="1" applyAlignment="1">
      <alignment horizontal="right" vertical="center" wrapText="1"/>
    </xf>
    <xf numFmtId="165" fontId="5" fillId="0" borderId="10" xfId="1" applyNumberFormat="1" applyFont="1" applyFill="1" applyBorder="1" applyAlignment="1">
      <alignment horizontal="right" vertical="center"/>
    </xf>
    <xf numFmtId="165" fontId="5" fillId="0" borderId="9" xfId="1" applyNumberFormat="1" applyFont="1" applyFill="1" applyBorder="1" applyAlignment="1">
      <alignment horizontal="right" vertical="center"/>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43" fontId="5" fillId="0" borderId="8" xfId="5" applyFont="1" applyFill="1" applyBorder="1" applyAlignment="1">
      <alignment horizontal="right" vertical="center"/>
    </xf>
    <xf numFmtId="43" fontId="5" fillId="0" borderId="0" xfId="5" applyFont="1" applyFill="1" applyBorder="1" applyAlignment="1">
      <alignment horizontal="right" vertical="center"/>
    </xf>
    <xf numFmtId="0" fontId="4" fillId="0" borderId="7" xfId="1" applyFont="1" applyFill="1" applyBorder="1" applyAlignment="1">
      <alignment horizontal="left" vertical="center"/>
    </xf>
    <xf numFmtId="165" fontId="5" fillId="0" borderId="0" xfId="5" applyNumberFormat="1" applyFont="1" applyFill="1" applyAlignment="1">
      <alignment horizontal="righ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165" fontId="5" fillId="2" borderId="10" xfId="5" applyNumberFormat="1" applyFont="1" applyFill="1" applyBorder="1" applyAlignment="1">
      <alignment horizontal="right" vertical="center" wrapText="1"/>
    </xf>
    <xf numFmtId="165" fontId="5" fillId="2" borderId="5" xfId="5" applyNumberFormat="1" applyFont="1" applyFill="1" applyBorder="1" applyAlignment="1">
      <alignment horizontal="right" vertical="center" wrapText="1"/>
    </xf>
    <xf numFmtId="165" fontId="5" fillId="0" borderId="0" xfId="5" applyNumberFormat="1" applyFont="1" applyFill="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43" fontId="5" fillId="0" borderId="11" xfId="5" applyFont="1" applyFill="1" applyBorder="1" applyAlignment="1">
      <alignment horizontal="right" vertical="center"/>
    </xf>
    <xf numFmtId="43" fontId="5" fillId="0" borderId="4" xfId="5" applyFont="1" applyFill="1" applyBorder="1" applyAlignment="1">
      <alignment horizontal="right" vertical="center"/>
    </xf>
    <xf numFmtId="43" fontId="4" fillId="0" borderId="11" xfId="5" applyFont="1" applyFill="1" applyBorder="1" applyAlignment="1">
      <alignment horizontal="right" vertical="center"/>
    </xf>
    <xf numFmtId="43" fontId="4" fillId="0" borderId="4" xfId="5" applyFont="1" applyFill="1" applyBorder="1" applyAlignment="1">
      <alignment horizontal="right" vertical="center"/>
    </xf>
    <xf numFmtId="43" fontId="4" fillId="0" borderId="6" xfId="5" applyFont="1" applyFill="1" applyBorder="1" applyAlignment="1">
      <alignment horizontal="right" vertical="center"/>
    </xf>
    <xf numFmtId="43" fontId="4" fillId="0" borderId="8" xfId="5" applyFont="1" applyFill="1" applyBorder="1" applyAlignment="1">
      <alignment horizontal="right" vertical="center"/>
    </xf>
    <xf numFmtId="43" fontId="4" fillId="0" borderId="0" xfId="5"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3" xfId="5" applyFont="1" applyFill="1" applyBorder="1" applyAlignment="1">
      <alignment horizontal="right" vertical="center"/>
    </xf>
    <xf numFmtId="43" fontId="4" fillId="0" borderId="12" xfId="5" applyFont="1" applyFill="1" applyBorder="1" applyAlignment="1">
      <alignment horizontal="right" vertical="center"/>
    </xf>
    <xf numFmtId="0" fontId="5" fillId="0" borderId="0" xfId="1" applyFont="1" applyBorder="1" applyAlignment="1">
      <alignment horizontal="left" vertical="center" wrapText="1"/>
    </xf>
    <xf numFmtId="165" fontId="4" fillId="0" borderId="8" xfId="5" applyNumberFormat="1" applyFont="1" applyFill="1" applyBorder="1" applyAlignment="1">
      <alignment horizontal="right" vertical="center" wrapText="1"/>
    </xf>
    <xf numFmtId="165" fontId="4" fillId="0" borderId="3"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165" fontId="4" fillId="0" borderId="8" xfId="1" applyNumberFormat="1" applyFont="1" applyFill="1" applyBorder="1" applyAlignment="1">
      <alignment horizontal="right" vertical="center"/>
    </xf>
    <xf numFmtId="165" fontId="4" fillId="0" borderId="0" xfId="1" applyNumberFormat="1" applyFont="1" applyFill="1" applyBorder="1" applyAlignment="1">
      <alignment horizontal="right" vertical="center"/>
    </xf>
    <xf numFmtId="165" fontId="4" fillId="0" borderId="1" xfId="1" applyNumberFormat="1" applyFont="1" applyFill="1" applyBorder="1" applyAlignment="1">
      <alignment horizontal="right" vertical="center"/>
    </xf>
    <xf numFmtId="165" fontId="4" fillId="0" borderId="7" xfId="1" applyNumberFormat="1" applyFont="1" applyFill="1" applyBorder="1" applyAlignment="1">
      <alignment horizontal="right" vertical="center"/>
    </xf>
    <xf numFmtId="165" fontId="5" fillId="0" borderId="11" xfId="1" applyNumberFormat="1" applyFont="1" applyFill="1" applyBorder="1" applyAlignment="1">
      <alignment horizontal="right" vertical="center"/>
    </xf>
    <xf numFmtId="165" fontId="5" fillId="0" borderId="4" xfId="1" applyNumberFormat="1" applyFont="1" applyFill="1" applyBorder="1" applyAlignment="1">
      <alignment horizontal="right" vertical="center"/>
    </xf>
    <xf numFmtId="165" fontId="5" fillId="0" borderId="1" xfId="1" applyNumberFormat="1" applyFont="1" applyFill="1" applyBorder="1" applyAlignment="1">
      <alignment horizontal="right" vertical="center"/>
    </xf>
    <xf numFmtId="165"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165" fontId="5" fillId="2" borderId="10" xfId="1" applyNumberFormat="1" applyFont="1" applyFill="1" applyBorder="1" applyAlignment="1">
      <alignment horizontal="right" vertical="center"/>
    </xf>
    <xf numFmtId="165" fontId="5" fillId="2" borderId="5" xfId="1" applyNumberFormat="1" applyFont="1" applyFill="1" applyBorder="1" applyAlignment="1">
      <alignment horizontal="right" vertical="center"/>
    </xf>
    <xf numFmtId="165" fontId="5" fillId="0" borderId="4" xfId="1" applyNumberFormat="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5" fillId="2" borderId="9"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0" fontId="5" fillId="2" borderId="7" xfId="1" applyFont="1" applyFill="1" applyBorder="1" applyAlignment="1">
      <alignment horizontal="center" vertical="top"/>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165" fontId="5" fillId="0" borderId="0" xfId="1" applyNumberFormat="1" applyFont="1" applyFill="1" applyBorder="1" applyAlignment="1">
      <alignment horizontal="center" vertical="center"/>
    </xf>
    <xf numFmtId="165" fontId="5" fillId="0" borderId="7"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43" fontId="4" fillId="0" borderId="5" xfId="1" applyNumberFormat="1" applyFont="1" applyFill="1" applyBorder="1" applyAlignment="1">
      <alignment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0" fontId="5" fillId="2" borderId="5" xfId="1" applyFont="1" applyFill="1" applyBorder="1" applyAlignment="1">
      <alignment vertical="center"/>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165" fontId="4" fillId="0" borderId="8" xfId="1" applyNumberFormat="1" applyFont="1" applyBorder="1" applyAlignment="1">
      <alignment horizontal="center" vertical="center"/>
    </xf>
    <xf numFmtId="165" fontId="4" fillId="0" borderId="0" xfId="1" applyNumberFormat="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0" fontId="5" fillId="0" borderId="0" xfId="1" applyNumberFormat="1" applyFont="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5" fillId="0" borderId="8"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711203</xdr:colOff>
      <xdr:row>93</xdr:row>
      <xdr:rowOff>0</xdr:rowOff>
    </xdr:from>
    <xdr:to>
      <xdr:col>6</xdr:col>
      <xdr:colOff>698502</xdr:colOff>
      <xdr:row>93</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331449</xdr:colOff>
      <xdr:row>98</xdr:row>
      <xdr:rowOff>0</xdr:rowOff>
    </xdr:from>
    <xdr:to>
      <xdr:col>0</xdr:col>
      <xdr:colOff>2581275</xdr:colOff>
      <xdr:row>102</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8</xdr:row>
      <xdr:rowOff>0</xdr:rowOff>
    </xdr:from>
    <xdr:to>
      <xdr:col>3</xdr:col>
      <xdr:colOff>304800</xdr:colOff>
      <xdr:row>102</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8</xdr:row>
      <xdr:rowOff>0</xdr:rowOff>
    </xdr:from>
    <xdr:to>
      <xdr:col>6</xdr:col>
      <xdr:colOff>1095375</xdr:colOff>
      <xdr:row>102</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0</xdr:row>
      <xdr:rowOff>0</xdr:rowOff>
    </xdr:from>
    <xdr:to>
      <xdr:col>0</xdr:col>
      <xdr:colOff>2924175</xdr:colOff>
      <xdr:row>134</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0</xdr:row>
      <xdr:rowOff>0</xdr:rowOff>
    </xdr:from>
    <xdr:to>
      <xdr:col>3</xdr:col>
      <xdr:colOff>495300</xdr:colOff>
      <xdr:row>134</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0</xdr:row>
      <xdr:rowOff>0</xdr:rowOff>
    </xdr:from>
    <xdr:to>
      <xdr:col>7</xdr:col>
      <xdr:colOff>495300</xdr:colOff>
      <xdr:row>134</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84</xdr:row>
      <xdr:rowOff>0</xdr:rowOff>
    </xdr:from>
    <xdr:to>
      <xdr:col>1</xdr:col>
      <xdr:colOff>674759</xdr:colOff>
      <xdr:row>188</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84</xdr:row>
      <xdr:rowOff>0</xdr:rowOff>
    </xdr:from>
    <xdr:to>
      <xdr:col>6</xdr:col>
      <xdr:colOff>152400</xdr:colOff>
      <xdr:row>188</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84</xdr:row>
      <xdr:rowOff>0</xdr:rowOff>
    </xdr:from>
    <xdr:to>
      <xdr:col>11</xdr:col>
      <xdr:colOff>541421</xdr:colOff>
      <xdr:row>188</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4</xdr:row>
      <xdr:rowOff>0</xdr:rowOff>
    </xdr:from>
    <xdr:to>
      <xdr:col>2</xdr:col>
      <xdr:colOff>729565</xdr:colOff>
      <xdr:row>58</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4</xdr:row>
      <xdr:rowOff>0</xdr:rowOff>
    </xdr:from>
    <xdr:to>
      <xdr:col>6</xdr:col>
      <xdr:colOff>970046</xdr:colOff>
      <xdr:row>58</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92D050"/>
    <pageSetUpPr fitToPage="1"/>
  </sheetPr>
  <dimension ref="A1:N127"/>
  <sheetViews>
    <sheetView showGridLines="0" tabSelected="1" zoomScaleNormal="100" workbookViewId="0"/>
  </sheetViews>
  <sheetFormatPr defaultRowHeight="11.25" customHeight="1" x14ac:dyDescent="0.2"/>
  <cols>
    <col min="1" max="1" width="57.42578125" style="51" customWidth="1"/>
    <col min="2" max="2" width="20.42578125" style="51" bestFit="1" customWidth="1"/>
    <col min="3" max="3" width="22.28515625" style="51" customWidth="1"/>
    <col min="4" max="4" width="19.28515625" style="51" bestFit="1" customWidth="1"/>
    <col min="5" max="5" width="20.28515625" style="51" bestFit="1" customWidth="1"/>
    <col min="6" max="6" width="20" style="51" customWidth="1"/>
    <col min="7" max="7" width="20.5703125" style="51" customWidth="1"/>
    <col min="8" max="8" width="20.140625" style="51" bestFit="1" customWidth="1"/>
    <col min="9" max="9" width="21.28515625" style="51" customWidth="1"/>
    <col min="10" max="10" width="20.85546875" style="51" customWidth="1"/>
    <col min="11" max="11" width="11.7109375" style="51" customWidth="1"/>
    <col min="12" max="12" width="20.140625" style="51" customWidth="1"/>
    <col min="13" max="13" width="13.85546875" style="51" customWidth="1"/>
    <col min="14" max="14" width="18.5703125" style="51" customWidth="1"/>
    <col min="15" max="15" width="6.5703125" style="51" customWidth="1"/>
    <col min="16" max="17" width="15.42578125" style="51" customWidth="1"/>
    <col min="18" max="18" width="22" style="51" customWidth="1"/>
    <col min="19" max="19" width="13.42578125" style="51" customWidth="1"/>
    <col min="20" max="16384" width="9.140625" style="51"/>
  </cols>
  <sheetData>
    <row r="1" spans="1:14" s="28" customFormat="1" ht="10.5" x14ac:dyDescent="0.2">
      <c r="A1" s="430"/>
      <c r="B1" s="312"/>
      <c r="C1" s="312"/>
      <c r="D1" s="312"/>
      <c r="E1" s="312"/>
      <c r="F1" s="312"/>
      <c r="G1" s="312"/>
      <c r="H1" s="312"/>
      <c r="I1" s="312"/>
      <c r="J1" s="312"/>
      <c r="K1" s="312"/>
      <c r="L1" s="312"/>
    </row>
    <row r="2" spans="1:14" s="28" customFormat="1" ht="11.25" customHeight="1" x14ac:dyDescent="0.2">
      <c r="A2" s="312"/>
      <c r="B2" s="312"/>
      <c r="C2" s="312"/>
      <c r="D2" s="312"/>
      <c r="E2" s="312"/>
      <c r="F2" s="312"/>
      <c r="G2" s="312"/>
      <c r="H2" s="312"/>
      <c r="I2" s="312"/>
      <c r="J2" s="312"/>
      <c r="K2" s="312"/>
      <c r="L2" s="312"/>
    </row>
    <row r="3" spans="1:14" ht="11.25" customHeight="1" x14ac:dyDescent="0.2">
      <c r="A3" s="681" t="s">
        <v>641</v>
      </c>
      <c r="B3" s="681"/>
      <c r="C3" s="681"/>
      <c r="D3" s="681"/>
      <c r="E3" s="681"/>
      <c r="F3" s="681"/>
      <c r="G3" s="681"/>
      <c r="H3" s="681"/>
      <c r="I3" s="681"/>
      <c r="J3" s="681"/>
      <c r="K3" s="681"/>
      <c r="L3" s="681"/>
    </row>
    <row r="4" spans="1:14" ht="11.25" customHeight="1" x14ac:dyDescent="0.2">
      <c r="A4" s="681" t="s">
        <v>105</v>
      </c>
      <c r="B4" s="681"/>
      <c r="C4" s="681"/>
      <c r="D4" s="681"/>
      <c r="E4" s="681"/>
      <c r="F4" s="681"/>
      <c r="G4" s="681"/>
      <c r="H4" s="681"/>
      <c r="I4" s="681"/>
      <c r="J4" s="681"/>
      <c r="K4" s="681"/>
      <c r="L4" s="681"/>
    </row>
    <row r="5" spans="1:14" ht="11.25" customHeight="1" x14ac:dyDescent="0.2">
      <c r="A5" s="681" t="s">
        <v>106</v>
      </c>
      <c r="B5" s="681"/>
      <c r="C5" s="681"/>
      <c r="D5" s="681"/>
      <c r="E5" s="681"/>
      <c r="F5" s="681"/>
      <c r="G5" s="681"/>
      <c r="H5" s="681"/>
      <c r="I5" s="681"/>
      <c r="J5" s="681"/>
      <c r="K5" s="681"/>
      <c r="L5" s="681"/>
    </row>
    <row r="6" spans="1:14" ht="11.25" customHeight="1" x14ac:dyDescent="0.2">
      <c r="A6" s="681" t="s">
        <v>107</v>
      </c>
      <c r="B6" s="681"/>
      <c r="C6" s="681"/>
      <c r="D6" s="681"/>
      <c r="E6" s="681"/>
      <c r="F6" s="681"/>
      <c r="G6" s="681"/>
      <c r="H6" s="681"/>
      <c r="I6" s="681"/>
      <c r="J6" s="681"/>
      <c r="K6" s="681"/>
      <c r="L6" s="681"/>
    </row>
    <row r="7" spans="1:14" ht="11.25" customHeight="1" x14ac:dyDescent="0.2">
      <c r="A7" s="681" t="s">
        <v>872</v>
      </c>
      <c r="B7" s="681"/>
      <c r="C7" s="681"/>
      <c r="D7" s="681"/>
      <c r="E7" s="681"/>
      <c r="F7" s="681"/>
      <c r="G7" s="681"/>
      <c r="H7" s="681"/>
      <c r="I7" s="681"/>
      <c r="J7" s="681"/>
      <c r="K7" s="681"/>
      <c r="L7" s="681"/>
    </row>
    <row r="8" spans="1:14" s="28" customFormat="1" ht="11.25" customHeight="1" x14ac:dyDescent="0.2">
      <c r="A8" s="52"/>
      <c r="B8" s="52"/>
      <c r="C8" s="52"/>
      <c r="D8" s="350"/>
      <c r="E8" s="350"/>
      <c r="F8" s="52"/>
      <c r="G8" s="52"/>
      <c r="H8" s="52"/>
      <c r="I8" s="52"/>
      <c r="J8" s="52"/>
      <c r="K8" s="52"/>
    </row>
    <row r="9" spans="1:14" s="28" customFormat="1" ht="11.25" customHeight="1" x14ac:dyDescent="0.2">
      <c r="A9" s="28" t="s">
        <v>359</v>
      </c>
      <c r="B9" s="120"/>
      <c r="D9" s="321"/>
      <c r="E9" s="321"/>
      <c r="H9" s="139"/>
      <c r="I9" s="52"/>
      <c r="J9" s="139"/>
      <c r="L9" s="234">
        <v>1</v>
      </c>
    </row>
    <row r="10" spans="1:14" ht="15" customHeight="1" x14ac:dyDescent="0.2">
      <c r="A10" s="53"/>
      <c r="B10" s="686" t="s">
        <v>429</v>
      </c>
      <c r="C10" s="694"/>
      <c r="D10" s="686" t="s">
        <v>235</v>
      </c>
      <c r="E10" s="687"/>
      <c r="F10" s="690" t="s">
        <v>109</v>
      </c>
      <c r="G10" s="691"/>
      <c r="H10" s="691"/>
      <c r="I10" s="691"/>
      <c r="J10" s="691"/>
      <c r="K10" s="692"/>
      <c r="L10" s="684" t="s">
        <v>161</v>
      </c>
    </row>
    <row r="11" spans="1:14" ht="15" customHeight="1" x14ac:dyDescent="0.2">
      <c r="A11" s="446" t="s">
        <v>869</v>
      </c>
      <c r="B11" s="695"/>
      <c r="C11" s="696"/>
      <c r="D11" s="688"/>
      <c r="E11" s="689"/>
      <c r="F11" s="684" t="s">
        <v>113</v>
      </c>
      <c r="G11" s="685"/>
      <c r="H11" s="54" t="s">
        <v>114</v>
      </c>
      <c r="I11" s="684" t="s">
        <v>115</v>
      </c>
      <c r="J11" s="685"/>
      <c r="K11" s="55" t="s">
        <v>114</v>
      </c>
      <c r="L11" s="693"/>
    </row>
    <row r="12" spans="1:14" ht="15" customHeight="1" x14ac:dyDescent="0.2">
      <c r="A12" s="56"/>
      <c r="B12" s="697"/>
      <c r="C12" s="698"/>
      <c r="D12" s="682" t="s">
        <v>116</v>
      </c>
      <c r="E12" s="683"/>
      <c r="F12" s="682" t="s">
        <v>117</v>
      </c>
      <c r="G12" s="683"/>
      <c r="H12" s="414" t="s">
        <v>118</v>
      </c>
      <c r="I12" s="682" t="s">
        <v>152</v>
      </c>
      <c r="J12" s="683"/>
      <c r="K12" s="415" t="s">
        <v>153</v>
      </c>
      <c r="L12" s="415" t="s">
        <v>154</v>
      </c>
    </row>
    <row r="13" spans="1:14" ht="10.5" x14ac:dyDescent="0.2">
      <c r="A13" s="153" t="s">
        <v>360</v>
      </c>
      <c r="B13" s="679">
        <v>11877346000</v>
      </c>
      <c r="C13" s="680"/>
      <c r="D13" s="679">
        <v>11917722632.860001</v>
      </c>
      <c r="E13" s="680"/>
      <c r="F13" s="677">
        <v>1875807108.0899999</v>
      </c>
      <c r="G13" s="678"/>
      <c r="H13" s="449">
        <v>15.739643939337478</v>
      </c>
      <c r="I13" s="677">
        <v>9222477074.5900002</v>
      </c>
      <c r="J13" s="678"/>
      <c r="K13" s="449">
        <v>77.38455876764101</v>
      </c>
      <c r="L13" s="450">
        <v>2695245558.269999</v>
      </c>
    </row>
    <row r="14" spans="1:14" ht="10.5" x14ac:dyDescent="0.2">
      <c r="A14" s="154" t="s">
        <v>8</v>
      </c>
      <c r="B14" s="665">
        <v>11167327900</v>
      </c>
      <c r="C14" s="676"/>
      <c r="D14" s="665">
        <v>11200606153.57</v>
      </c>
      <c r="E14" s="676"/>
      <c r="F14" s="677">
        <v>1780508992.1199999</v>
      </c>
      <c r="G14" s="678"/>
      <c r="H14" s="449">
        <v>15.896541380954579</v>
      </c>
      <c r="I14" s="677">
        <v>8763657979.5200005</v>
      </c>
      <c r="J14" s="678"/>
      <c r="K14" s="449">
        <v>78.242711683302389</v>
      </c>
      <c r="L14" s="450">
        <v>2436948174.0499992</v>
      </c>
    </row>
    <row r="15" spans="1:14" ht="10.5" x14ac:dyDescent="0.2">
      <c r="A15" s="154" t="s">
        <v>9</v>
      </c>
      <c r="B15" s="673">
        <v>7047013200</v>
      </c>
      <c r="C15" s="674"/>
      <c r="D15" s="673">
        <v>7047013200</v>
      </c>
      <c r="E15" s="674"/>
      <c r="F15" s="673">
        <v>1181763062.72</v>
      </c>
      <c r="G15" s="674"/>
      <c r="H15" s="451">
        <v>16.769701278833988</v>
      </c>
      <c r="I15" s="673">
        <v>5929966555.2800007</v>
      </c>
      <c r="J15" s="674"/>
      <c r="K15" s="451">
        <v>84.148651165858482</v>
      </c>
      <c r="L15" s="452">
        <v>1117046644.7199996</v>
      </c>
      <c r="M15" s="30"/>
      <c r="N15" s="63"/>
    </row>
    <row r="16" spans="1:14" ht="10.5" x14ac:dyDescent="0.2">
      <c r="A16" s="31" t="s">
        <v>10</v>
      </c>
      <c r="B16" s="673">
        <v>6687744000</v>
      </c>
      <c r="C16" s="674"/>
      <c r="D16" s="673">
        <v>6687744000</v>
      </c>
      <c r="E16" s="674"/>
      <c r="F16" s="673">
        <v>1127074309.77</v>
      </c>
      <c r="G16" s="674"/>
      <c r="H16" s="451">
        <v>16.852832730588972</v>
      </c>
      <c r="I16" s="673">
        <v>5742939456.4400005</v>
      </c>
      <c r="J16" s="674"/>
      <c r="K16" s="451">
        <v>85.872597043786371</v>
      </c>
      <c r="L16" s="452">
        <v>944804543.55999947</v>
      </c>
    </row>
    <row r="17" spans="1:14" ht="10.5" x14ac:dyDescent="0.2">
      <c r="A17" s="31" t="s">
        <v>11</v>
      </c>
      <c r="B17" s="673">
        <v>359269200</v>
      </c>
      <c r="C17" s="674"/>
      <c r="D17" s="673">
        <v>359269200</v>
      </c>
      <c r="E17" s="674"/>
      <c r="F17" s="673">
        <v>54688752.950000003</v>
      </c>
      <c r="G17" s="674"/>
      <c r="H17" s="451">
        <v>15.222221373276643</v>
      </c>
      <c r="I17" s="673">
        <v>187027098.84</v>
      </c>
      <c r="J17" s="674"/>
      <c r="K17" s="451">
        <v>52.057648927322461</v>
      </c>
      <c r="L17" s="452">
        <v>172242101.16</v>
      </c>
    </row>
    <row r="18" spans="1:14" ht="10.5" x14ac:dyDescent="0.2">
      <c r="A18" s="31" t="s">
        <v>12</v>
      </c>
      <c r="B18" s="673">
        <v>0</v>
      </c>
      <c r="C18" s="674"/>
      <c r="D18" s="673">
        <v>0</v>
      </c>
      <c r="E18" s="674"/>
      <c r="F18" s="673">
        <v>0</v>
      </c>
      <c r="G18" s="674"/>
      <c r="H18" s="451">
        <v>0</v>
      </c>
      <c r="I18" s="673">
        <v>0</v>
      </c>
      <c r="J18" s="674"/>
      <c r="K18" s="451">
        <v>0</v>
      </c>
      <c r="L18" s="452">
        <v>0</v>
      </c>
    </row>
    <row r="19" spans="1:14" ht="10.5" x14ac:dyDescent="0.2">
      <c r="A19" s="154" t="s">
        <v>13</v>
      </c>
      <c r="B19" s="673">
        <v>388750900</v>
      </c>
      <c r="C19" s="674"/>
      <c r="D19" s="673">
        <v>388750900</v>
      </c>
      <c r="E19" s="674"/>
      <c r="F19" s="673">
        <v>45899271.549999997</v>
      </c>
      <c r="G19" s="674"/>
      <c r="H19" s="451">
        <v>11.806859238139383</v>
      </c>
      <c r="I19" s="673">
        <v>267865737.61000001</v>
      </c>
      <c r="J19" s="674"/>
      <c r="K19" s="451">
        <v>68.904210282214137</v>
      </c>
      <c r="L19" s="452">
        <v>120885162.38999999</v>
      </c>
      <c r="M19" s="63"/>
      <c r="N19" s="63"/>
    </row>
    <row r="20" spans="1:14" ht="10.5" x14ac:dyDescent="0.2">
      <c r="A20" s="31" t="s">
        <v>14</v>
      </c>
      <c r="B20" s="673">
        <v>388750900</v>
      </c>
      <c r="C20" s="674"/>
      <c r="D20" s="673">
        <v>388750900</v>
      </c>
      <c r="E20" s="674"/>
      <c r="F20" s="673">
        <v>45899271.549999997</v>
      </c>
      <c r="G20" s="674"/>
      <c r="H20" s="451">
        <v>11.806859238139383</v>
      </c>
      <c r="I20" s="673">
        <v>267865737.61000001</v>
      </c>
      <c r="J20" s="674"/>
      <c r="K20" s="451">
        <v>68.904210282214137</v>
      </c>
      <c r="L20" s="452">
        <v>120885162.38999999</v>
      </c>
    </row>
    <row r="21" spans="1:14" ht="10.5" x14ac:dyDescent="0.2">
      <c r="A21" s="31" t="s">
        <v>357</v>
      </c>
      <c r="B21" s="673">
        <v>0</v>
      </c>
      <c r="C21" s="674"/>
      <c r="D21" s="673">
        <v>0</v>
      </c>
      <c r="E21" s="674"/>
      <c r="F21" s="673">
        <v>0</v>
      </c>
      <c r="G21" s="674"/>
      <c r="H21" s="451">
        <v>0</v>
      </c>
      <c r="I21" s="673">
        <v>0</v>
      </c>
      <c r="J21" s="674"/>
      <c r="K21" s="451">
        <v>0</v>
      </c>
      <c r="L21" s="452">
        <v>0</v>
      </c>
    </row>
    <row r="22" spans="1:14" ht="10.5" x14ac:dyDescent="0.2">
      <c r="A22" s="31" t="s">
        <v>358</v>
      </c>
      <c r="B22" s="673">
        <v>0</v>
      </c>
      <c r="C22" s="674"/>
      <c r="D22" s="673">
        <v>0</v>
      </c>
      <c r="E22" s="674"/>
      <c r="F22" s="673">
        <v>0</v>
      </c>
      <c r="G22" s="674"/>
      <c r="H22" s="451">
        <v>0</v>
      </c>
      <c r="I22" s="673">
        <v>0</v>
      </c>
      <c r="J22" s="674"/>
      <c r="K22" s="451">
        <v>0</v>
      </c>
      <c r="L22" s="452">
        <v>0</v>
      </c>
    </row>
    <row r="23" spans="1:14" ht="10.5" x14ac:dyDescent="0.2">
      <c r="A23" s="154" t="s">
        <v>15</v>
      </c>
      <c r="B23" s="673">
        <v>135829800</v>
      </c>
      <c r="C23" s="674"/>
      <c r="D23" s="673">
        <v>167760140.11000001</v>
      </c>
      <c r="E23" s="674"/>
      <c r="F23" s="673">
        <v>37821616.049999997</v>
      </c>
      <c r="G23" s="674"/>
      <c r="H23" s="451">
        <v>22.545055115714874</v>
      </c>
      <c r="I23" s="673">
        <v>106831733</v>
      </c>
      <c r="J23" s="674"/>
      <c r="K23" s="451">
        <v>63.681237348723371</v>
      </c>
      <c r="L23" s="452">
        <v>60928407.109999999</v>
      </c>
    </row>
    <row r="24" spans="1:14" ht="10.5" x14ac:dyDescent="0.2">
      <c r="A24" s="31" t="s">
        <v>16</v>
      </c>
      <c r="B24" s="659">
        <v>1030600</v>
      </c>
      <c r="C24" s="672"/>
      <c r="D24" s="673">
        <v>1030600</v>
      </c>
      <c r="E24" s="674"/>
      <c r="F24" s="659">
        <v>116318.64</v>
      </c>
      <c r="G24" s="672"/>
      <c r="H24" s="451">
        <v>11.28649718610518</v>
      </c>
      <c r="I24" s="673">
        <v>678959.6</v>
      </c>
      <c r="J24" s="674"/>
      <c r="K24" s="451">
        <v>65.88003104987385</v>
      </c>
      <c r="L24" s="452">
        <v>351640.4</v>
      </c>
    </row>
    <row r="25" spans="1:14" ht="10.5" x14ac:dyDescent="0.2">
      <c r="A25" s="31" t="s">
        <v>17</v>
      </c>
      <c r="B25" s="659">
        <v>67394400</v>
      </c>
      <c r="C25" s="672"/>
      <c r="D25" s="673">
        <v>98379049.189999998</v>
      </c>
      <c r="E25" s="674"/>
      <c r="F25" s="659">
        <v>36874295.299999997</v>
      </c>
      <c r="G25" s="672"/>
      <c r="H25" s="451">
        <v>37.48185777724327</v>
      </c>
      <c r="I25" s="673">
        <v>98379049.189999998</v>
      </c>
      <c r="J25" s="674"/>
      <c r="K25" s="451">
        <v>100</v>
      </c>
      <c r="L25" s="452">
        <v>0</v>
      </c>
    </row>
    <row r="26" spans="1:14" ht="10.5" x14ac:dyDescent="0.2">
      <c r="A26" s="31" t="s">
        <v>18</v>
      </c>
      <c r="B26" s="659">
        <v>338800</v>
      </c>
      <c r="C26" s="672"/>
      <c r="D26" s="673">
        <v>1284490.92</v>
      </c>
      <c r="E26" s="674"/>
      <c r="F26" s="659">
        <v>185090.36</v>
      </c>
      <c r="G26" s="672"/>
      <c r="H26" s="451">
        <v>14.409627745753159</v>
      </c>
      <c r="I26" s="673">
        <v>1284490.92</v>
      </c>
      <c r="J26" s="674"/>
      <c r="K26" s="451">
        <v>100</v>
      </c>
      <c r="L26" s="452">
        <v>0</v>
      </c>
    </row>
    <row r="27" spans="1:14" ht="10.5" x14ac:dyDescent="0.2">
      <c r="A27" s="31" t="s">
        <v>119</v>
      </c>
      <c r="B27" s="659">
        <v>67066000</v>
      </c>
      <c r="C27" s="672"/>
      <c r="D27" s="673">
        <v>67066000</v>
      </c>
      <c r="E27" s="674"/>
      <c r="F27" s="659">
        <v>645911.75</v>
      </c>
      <c r="G27" s="672"/>
      <c r="H27" s="451">
        <v>0.96309866400262434</v>
      </c>
      <c r="I27" s="673">
        <v>6489233.29</v>
      </c>
      <c r="J27" s="674"/>
      <c r="K27" s="451">
        <v>9.6758913458384281</v>
      </c>
      <c r="L27" s="452">
        <v>60576766.710000001</v>
      </c>
    </row>
    <row r="28" spans="1:14" ht="21" x14ac:dyDescent="0.2">
      <c r="A28" s="57" t="s">
        <v>370</v>
      </c>
      <c r="B28" s="659">
        <v>0</v>
      </c>
      <c r="C28" s="672"/>
      <c r="D28" s="673">
        <v>0</v>
      </c>
      <c r="E28" s="674"/>
      <c r="F28" s="659">
        <v>0</v>
      </c>
      <c r="G28" s="672"/>
      <c r="H28" s="451">
        <v>0</v>
      </c>
      <c r="I28" s="673">
        <v>0</v>
      </c>
      <c r="J28" s="674"/>
      <c r="K28" s="451">
        <v>0</v>
      </c>
      <c r="L28" s="452">
        <v>0</v>
      </c>
    </row>
    <row r="29" spans="1:14" ht="10.5" x14ac:dyDescent="0.2">
      <c r="A29" s="57" t="s">
        <v>371</v>
      </c>
      <c r="B29" s="659">
        <v>0</v>
      </c>
      <c r="C29" s="672"/>
      <c r="D29" s="673">
        <v>0</v>
      </c>
      <c r="E29" s="674"/>
      <c r="F29" s="659">
        <v>0</v>
      </c>
      <c r="G29" s="672"/>
      <c r="H29" s="451">
        <v>0</v>
      </c>
      <c r="I29" s="673">
        <v>0</v>
      </c>
      <c r="J29" s="674"/>
      <c r="K29" s="451">
        <v>0</v>
      </c>
      <c r="L29" s="452">
        <v>0</v>
      </c>
    </row>
    <row r="30" spans="1:14" ht="10.5" x14ac:dyDescent="0.2">
      <c r="A30" s="31" t="s">
        <v>19</v>
      </c>
      <c r="B30" s="659">
        <v>0</v>
      </c>
      <c r="C30" s="672"/>
      <c r="D30" s="673">
        <v>0</v>
      </c>
      <c r="E30" s="674"/>
      <c r="F30" s="659">
        <v>0</v>
      </c>
      <c r="G30" s="672"/>
      <c r="H30" s="451">
        <v>0</v>
      </c>
      <c r="I30" s="673">
        <v>0</v>
      </c>
      <c r="J30" s="674"/>
      <c r="K30" s="451">
        <v>0</v>
      </c>
      <c r="L30" s="452">
        <v>0</v>
      </c>
    </row>
    <row r="31" spans="1:14" ht="10.5" x14ac:dyDescent="0.2">
      <c r="A31" s="154" t="s">
        <v>20</v>
      </c>
      <c r="B31" s="659">
        <v>0</v>
      </c>
      <c r="C31" s="672"/>
      <c r="D31" s="659">
        <v>0</v>
      </c>
      <c r="E31" s="672"/>
      <c r="F31" s="659">
        <v>0</v>
      </c>
      <c r="G31" s="672"/>
      <c r="H31" s="451">
        <v>0</v>
      </c>
      <c r="I31" s="673">
        <v>0</v>
      </c>
      <c r="J31" s="674"/>
      <c r="K31" s="451">
        <v>0</v>
      </c>
      <c r="L31" s="452">
        <v>0</v>
      </c>
    </row>
    <row r="32" spans="1:14" ht="10.5" x14ac:dyDescent="0.2">
      <c r="A32" s="31" t="s">
        <v>21</v>
      </c>
      <c r="B32" s="659">
        <v>0</v>
      </c>
      <c r="C32" s="672"/>
      <c r="D32" s="673">
        <v>0</v>
      </c>
      <c r="E32" s="674"/>
      <c r="F32" s="659">
        <v>0</v>
      </c>
      <c r="G32" s="672"/>
      <c r="H32" s="451">
        <v>0</v>
      </c>
      <c r="I32" s="673">
        <v>0</v>
      </c>
      <c r="J32" s="674"/>
      <c r="K32" s="451">
        <v>0</v>
      </c>
      <c r="L32" s="452">
        <v>0</v>
      </c>
    </row>
    <row r="33" spans="1:14" ht="10.5" x14ac:dyDescent="0.2">
      <c r="A33" s="31" t="s">
        <v>22</v>
      </c>
      <c r="B33" s="659">
        <v>0</v>
      </c>
      <c r="C33" s="672"/>
      <c r="D33" s="673">
        <v>0</v>
      </c>
      <c r="E33" s="674"/>
      <c r="F33" s="659">
        <v>0</v>
      </c>
      <c r="G33" s="672"/>
      <c r="H33" s="451">
        <v>0</v>
      </c>
      <c r="I33" s="673">
        <v>0</v>
      </c>
      <c r="J33" s="674"/>
      <c r="K33" s="451">
        <v>0</v>
      </c>
      <c r="L33" s="452">
        <v>0</v>
      </c>
    </row>
    <row r="34" spans="1:14" ht="10.5" x14ac:dyDescent="0.2">
      <c r="A34" s="31" t="s">
        <v>23</v>
      </c>
      <c r="B34" s="659">
        <v>0</v>
      </c>
      <c r="C34" s="672"/>
      <c r="D34" s="673">
        <v>0</v>
      </c>
      <c r="E34" s="674"/>
      <c r="F34" s="659">
        <v>0</v>
      </c>
      <c r="G34" s="672"/>
      <c r="H34" s="451">
        <v>0</v>
      </c>
      <c r="I34" s="673">
        <v>0</v>
      </c>
      <c r="J34" s="674"/>
      <c r="K34" s="451">
        <v>0</v>
      </c>
      <c r="L34" s="452">
        <v>0</v>
      </c>
    </row>
    <row r="35" spans="1:14" ht="10.5" x14ac:dyDescent="0.2">
      <c r="A35" s="154" t="s">
        <v>24</v>
      </c>
      <c r="B35" s="659">
        <v>0</v>
      </c>
      <c r="C35" s="672"/>
      <c r="D35" s="659">
        <v>0</v>
      </c>
      <c r="E35" s="672"/>
      <c r="F35" s="659">
        <v>0</v>
      </c>
      <c r="G35" s="672"/>
      <c r="H35" s="451">
        <v>0</v>
      </c>
      <c r="I35" s="673">
        <v>0</v>
      </c>
      <c r="J35" s="674"/>
      <c r="K35" s="451">
        <v>0</v>
      </c>
      <c r="L35" s="452">
        <v>0</v>
      </c>
    </row>
    <row r="36" spans="1:14" ht="10.5" x14ac:dyDescent="0.2">
      <c r="A36" s="31" t="s">
        <v>372</v>
      </c>
      <c r="B36" s="659">
        <v>0</v>
      </c>
      <c r="C36" s="672"/>
      <c r="D36" s="673">
        <v>0</v>
      </c>
      <c r="E36" s="674"/>
      <c r="F36" s="659">
        <v>0</v>
      </c>
      <c r="G36" s="672"/>
      <c r="H36" s="451">
        <v>0</v>
      </c>
      <c r="I36" s="673">
        <v>0</v>
      </c>
      <c r="J36" s="674"/>
      <c r="K36" s="451">
        <v>0</v>
      </c>
      <c r="L36" s="452">
        <v>0</v>
      </c>
    </row>
    <row r="37" spans="1:14" ht="10.5" x14ac:dyDescent="0.2">
      <c r="A37" s="31" t="s">
        <v>25</v>
      </c>
      <c r="B37" s="659">
        <v>0</v>
      </c>
      <c r="C37" s="672"/>
      <c r="D37" s="673">
        <v>0</v>
      </c>
      <c r="E37" s="674"/>
      <c r="F37" s="659">
        <v>0</v>
      </c>
      <c r="G37" s="672"/>
      <c r="H37" s="451">
        <v>0</v>
      </c>
      <c r="I37" s="673">
        <v>0</v>
      </c>
      <c r="J37" s="674"/>
      <c r="K37" s="451">
        <v>0</v>
      </c>
      <c r="L37" s="452">
        <v>0</v>
      </c>
    </row>
    <row r="38" spans="1:14" ht="10.5" x14ac:dyDescent="0.2">
      <c r="A38" s="31" t="s">
        <v>26</v>
      </c>
      <c r="B38" s="659">
        <v>0</v>
      </c>
      <c r="C38" s="672"/>
      <c r="D38" s="673">
        <v>0</v>
      </c>
      <c r="E38" s="674"/>
      <c r="F38" s="659">
        <v>0</v>
      </c>
      <c r="G38" s="672"/>
      <c r="H38" s="451">
        <v>0</v>
      </c>
      <c r="I38" s="673">
        <v>0</v>
      </c>
      <c r="J38" s="674"/>
      <c r="K38" s="451">
        <v>0</v>
      </c>
      <c r="L38" s="452">
        <v>0</v>
      </c>
    </row>
    <row r="39" spans="1:14" ht="10.5" x14ac:dyDescent="0.2">
      <c r="A39" s="58" t="s">
        <v>27</v>
      </c>
      <c r="B39" s="659">
        <v>0</v>
      </c>
      <c r="C39" s="672"/>
      <c r="D39" s="673">
        <v>0</v>
      </c>
      <c r="E39" s="674"/>
      <c r="F39" s="659">
        <v>0</v>
      </c>
      <c r="G39" s="672"/>
      <c r="H39" s="451">
        <v>0</v>
      </c>
      <c r="I39" s="673">
        <v>0</v>
      </c>
      <c r="J39" s="674"/>
      <c r="K39" s="451">
        <v>0</v>
      </c>
      <c r="L39" s="452">
        <v>0</v>
      </c>
    </row>
    <row r="40" spans="1:14" ht="10.5" x14ac:dyDescent="0.2">
      <c r="A40" s="154" t="s">
        <v>28</v>
      </c>
      <c r="B40" s="659">
        <v>447593100</v>
      </c>
      <c r="C40" s="672"/>
      <c r="D40" s="673">
        <v>447593100</v>
      </c>
      <c r="E40" s="674"/>
      <c r="F40" s="659">
        <v>95452618.040000007</v>
      </c>
      <c r="G40" s="672"/>
      <c r="H40" s="451">
        <v>21.32575726480145</v>
      </c>
      <c r="I40" s="673">
        <v>396963465.12</v>
      </c>
      <c r="J40" s="674"/>
      <c r="K40" s="451">
        <v>88.688468414727566</v>
      </c>
      <c r="L40" s="452">
        <v>50629634.879999995</v>
      </c>
    </row>
    <row r="41" spans="1:14" ht="10.5" x14ac:dyDescent="0.2">
      <c r="A41" s="154" t="s">
        <v>29</v>
      </c>
      <c r="B41" s="659">
        <v>2984392800</v>
      </c>
      <c r="C41" s="672"/>
      <c r="D41" s="659">
        <v>2984392800</v>
      </c>
      <c r="E41" s="672"/>
      <c r="F41" s="659">
        <v>397747912.17000002</v>
      </c>
      <c r="G41" s="672"/>
      <c r="H41" s="451">
        <v>13.327599241292903</v>
      </c>
      <c r="I41" s="673">
        <v>1954499649.7100003</v>
      </c>
      <c r="J41" s="674"/>
      <c r="K41" s="451">
        <v>65.490697126397052</v>
      </c>
      <c r="L41" s="452">
        <v>1029893150.2899997</v>
      </c>
      <c r="M41" s="63"/>
      <c r="N41" s="63"/>
    </row>
    <row r="42" spans="1:14" ht="10.5" x14ac:dyDescent="0.2">
      <c r="A42" s="31" t="s">
        <v>30</v>
      </c>
      <c r="B42" s="659">
        <v>2221812200</v>
      </c>
      <c r="C42" s="672"/>
      <c r="D42" s="673">
        <v>2221812200</v>
      </c>
      <c r="E42" s="674"/>
      <c r="F42" s="659">
        <v>331128438.67000002</v>
      </c>
      <c r="G42" s="672"/>
      <c r="H42" s="451">
        <v>14.903529590394724</v>
      </c>
      <c r="I42" s="673">
        <v>1662611171.2400002</v>
      </c>
      <c r="J42" s="674"/>
      <c r="K42" s="451">
        <v>74.831309830776888</v>
      </c>
      <c r="L42" s="452">
        <v>559201028.75999975</v>
      </c>
    </row>
    <row r="43" spans="1:14" ht="10.5" x14ac:dyDescent="0.2">
      <c r="A43" s="31" t="s">
        <v>31</v>
      </c>
      <c r="B43" s="659">
        <v>478545500</v>
      </c>
      <c r="C43" s="672"/>
      <c r="D43" s="673">
        <v>478545500</v>
      </c>
      <c r="E43" s="674"/>
      <c r="F43" s="659">
        <v>62371776.939999998</v>
      </c>
      <c r="G43" s="672"/>
      <c r="H43" s="451">
        <v>13.033614763904373</v>
      </c>
      <c r="I43" s="673">
        <v>273495301.47000003</v>
      </c>
      <c r="J43" s="674"/>
      <c r="K43" s="451">
        <v>57.151368358912592</v>
      </c>
      <c r="L43" s="452">
        <v>205050198.52999997</v>
      </c>
    </row>
    <row r="44" spans="1:14" ht="10.5" x14ac:dyDescent="0.2">
      <c r="A44" s="31" t="s">
        <v>32</v>
      </c>
      <c r="B44" s="659">
        <v>0</v>
      </c>
      <c r="C44" s="672"/>
      <c r="D44" s="673">
        <v>0</v>
      </c>
      <c r="E44" s="674"/>
      <c r="F44" s="659">
        <v>0</v>
      </c>
      <c r="G44" s="672"/>
      <c r="H44" s="451">
        <v>0</v>
      </c>
      <c r="I44" s="673">
        <v>0</v>
      </c>
      <c r="J44" s="674"/>
      <c r="K44" s="451">
        <v>0</v>
      </c>
      <c r="L44" s="452">
        <v>0</v>
      </c>
    </row>
    <row r="45" spans="1:14" ht="10.5" x14ac:dyDescent="0.2">
      <c r="A45" s="31" t="s">
        <v>33</v>
      </c>
      <c r="B45" s="659">
        <v>56200</v>
      </c>
      <c r="C45" s="672"/>
      <c r="D45" s="673">
        <v>56200</v>
      </c>
      <c r="E45" s="674"/>
      <c r="F45" s="659">
        <v>0</v>
      </c>
      <c r="G45" s="672"/>
      <c r="H45" s="451">
        <v>0</v>
      </c>
      <c r="I45" s="673">
        <v>5802.1</v>
      </c>
      <c r="J45" s="674"/>
      <c r="K45" s="451">
        <v>10.324021352313167</v>
      </c>
      <c r="L45" s="452">
        <v>50397.9</v>
      </c>
    </row>
    <row r="46" spans="1:14" ht="10.5" x14ac:dyDescent="0.2">
      <c r="A46" s="31" t="s">
        <v>34</v>
      </c>
      <c r="B46" s="659">
        <v>283978900</v>
      </c>
      <c r="C46" s="672"/>
      <c r="D46" s="673">
        <v>283978900</v>
      </c>
      <c r="E46" s="674"/>
      <c r="F46" s="659">
        <v>4247696.5599999996</v>
      </c>
      <c r="G46" s="672"/>
      <c r="H46" s="451">
        <v>1.4957789328714211</v>
      </c>
      <c r="I46" s="673">
        <v>18387374.899999999</v>
      </c>
      <c r="J46" s="674"/>
      <c r="K46" s="451">
        <v>6.4749088400581867</v>
      </c>
      <c r="L46" s="452">
        <v>265591525.09999999</v>
      </c>
    </row>
    <row r="47" spans="1:14" ht="10.5" x14ac:dyDescent="0.2">
      <c r="A47" s="59" t="s">
        <v>35</v>
      </c>
      <c r="B47" s="659">
        <v>0</v>
      </c>
      <c r="C47" s="672"/>
      <c r="D47" s="673">
        <v>0</v>
      </c>
      <c r="E47" s="674"/>
      <c r="F47" s="659">
        <v>0</v>
      </c>
      <c r="G47" s="672"/>
      <c r="H47" s="451">
        <v>0</v>
      </c>
      <c r="I47" s="673">
        <v>0</v>
      </c>
      <c r="J47" s="674"/>
      <c r="K47" s="451">
        <v>0</v>
      </c>
      <c r="L47" s="452">
        <v>0</v>
      </c>
    </row>
    <row r="48" spans="1:14" ht="10.5" x14ac:dyDescent="0.2">
      <c r="A48" s="154" t="s">
        <v>36</v>
      </c>
      <c r="B48" s="659">
        <v>163748100</v>
      </c>
      <c r="C48" s="672"/>
      <c r="D48" s="659">
        <v>165096013.46000001</v>
      </c>
      <c r="E48" s="672"/>
      <c r="F48" s="659">
        <v>21824511.59</v>
      </c>
      <c r="G48" s="672"/>
      <c r="H48" s="451">
        <v>13.219284422811162</v>
      </c>
      <c r="I48" s="673">
        <v>107530838.80000001</v>
      </c>
      <c r="J48" s="674"/>
      <c r="K48" s="451">
        <v>65.132304860924421</v>
      </c>
      <c r="L48" s="452">
        <v>57565174.660000011</v>
      </c>
    </row>
    <row r="49" spans="1:14" ht="10.5" x14ac:dyDescent="0.2">
      <c r="A49" s="31" t="s">
        <v>37</v>
      </c>
      <c r="B49" s="659">
        <v>83718200</v>
      </c>
      <c r="C49" s="672"/>
      <c r="D49" s="673">
        <v>83718200</v>
      </c>
      <c r="E49" s="674"/>
      <c r="F49" s="659">
        <v>14910314.24</v>
      </c>
      <c r="G49" s="672"/>
      <c r="H49" s="451">
        <v>17.810122816782968</v>
      </c>
      <c r="I49" s="673">
        <v>68563347.319999993</v>
      </c>
      <c r="J49" s="674"/>
      <c r="K49" s="451">
        <v>81.897780076494712</v>
      </c>
      <c r="L49" s="452">
        <v>15154852.680000007</v>
      </c>
    </row>
    <row r="50" spans="1:14" ht="10.5" x14ac:dyDescent="0.2">
      <c r="A50" s="31" t="s">
        <v>38</v>
      </c>
      <c r="B50" s="659">
        <v>25102100</v>
      </c>
      <c r="C50" s="672"/>
      <c r="D50" s="673">
        <v>25102100</v>
      </c>
      <c r="E50" s="674"/>
      <c r="F50" s="659">
        <v>1990820.58</v>
      </c>
      <c r="G50" s="672"/>
      <c r="H50" s="451">
        <v>7.9308925548061726</v>
      </c>
      <c r="I50" s="673">
        <v>20650833.09</v>
      </c>
      <c r="J50" s="674"/>
      <c r="K50" s="451">
        <v>82.267352492420954</v>
      </c>
      <c r="L50" s="452">
        <v>4451266.91</v>
      </c>
    </row>
    <row r="51" spans="1:14" ht="10.5" x14ac:dyDescent="0.2">
      <c r="A51" s="31" t="s">
        <v>39</v>
      </c>
      <c r="B51" s="659">
        <v>9180000</v>
      </c>
      <c r="C51" s="672"/>
      <c r="D51" s="673">
        <v>10527913.460000001</v>
      </c>
      <c r="E51" s="674"/>
      <c r="F51" s="659">
        <v>2159751.21</v>
      </c>
      <c r="G51" s="672"/>
      <c r="H51" s="451">
        <v>20.514522827394135</v>
      </c>
      <c r="I51" s="673">
        <v>10527913.460000001</v>
      </c>
      <c r="J51" s="674"/>
      <c r="K51" s="451">
        <v>100</v>
      </c>
      <c r="L51" s="452">
        <v>0</v>
      </c>
    </row>
    <row r="52" spans="1:14" ht="21" x14ac:dyDescent="0.2">
      <c r="A52" s="57" t="s">
        <v>373</v>
      </c>
      <c r="B52" s="659">
        <v>0</v>
      </c>
      <c r="C52" s="672"/>
      <c r="D52" s="673">
        <v>0</v>
      </c>
      <c r="E52" s="674"/>
      <c r="F52" s="659">
        <v>0</v>
      </c>
      <c r="G52" s="672"/>
      <c r="H52" s="451">
        <v>0</v>
      </c>
      <c r="I52" s="673">
        <v>0</v>
      </c>
      <c r="J52" s="674"/>
      <c r="K52" s="451">
        <v>0</v>
      </c>
      <c r="L52" s="452">
        <v>0</v>
      </c>
    </row>
    <row r="53" spans="1:14" ht="10.5" x14ac:dyDescent="0.2">
      <c r="A53" s="59" t="s">
        <v>54</v>
      </c>
      <c r="B53" s="659">
        <v>45747800</v>
      </c>
      <c r="C53" s="672"/>
      <c r="D53" s="673">
        <v>45747800</v>
      </c>
      <c r="E53" s="674"/>
      <c r="F53" s="659">
        <v>2763625.56</v>
      </c>
      <c r="G53" s="672"/>
      <c r="H53" s="451">
        <v>6.0410021028333611</v>
      </c>
      <c r="I53" s="673">
        <v>7788744.9299999997</v>
      </c>
      <c r="J53" s="674"/>
      <c r="K53" s="451">
        <v>17.025397789620484</v>
      </c>
      <c r="L53" s="452">
        <v>37959055.07</v>
      </c>
    </row>
    <row r="54" spans="1:14" ht="10.5" x14ac:dyDescent="0.2">
      <c r="A54" s="154" t="s">
        <v>40</v>
      </c>
      <c r="B54" s="665">
        <v>710018100</v>
      </c>
      <c r="C54" s="676"/>
      <c r="D54" s="665">
        <v>717116479.28999996</v>
      </c>
      <c r="E54" s="676"/>
      <c r="F54" s="665">
        <v>95298115.969999999</v>
      </c>
      <c r="G54" s="676"/>
      <c r="H54" s="449">
        <v>13.289070704992362</v>
      </c>
      <c r="I54" s="677">
        <v>458819095.07000005</v>
      </c>
      <c r="J54" s="678"/>
      <c r="K54" s="449">
        <v>63.981111621401588</v>
      </c>
      <c r="L54" s="503">
        <v>258297384.22</v>
      </c>
    </row>
    <row r="55" spans="1:14" ht="10.5" x14ac:dyDescent="0.2">
      <c r="A55" s="154" t="s">
        <v>41</v>
      </c>
      <c r="B55" s="659">
        <v>36288000</v>
      </c>
      <c r="C55" s="672"/>
      <c r="D55" s="673">
        <v>43326855.170000002</v>
      </c>
      <c r="E55" s="674"/>
      <c r="F55" s="659">
        <v>0</v>
      </c>
      <c r="G55" s="672"/>
      <c r="H55" s="451">
        <v>0</v>
      </c>
      <c r="I55" s="673">
        <v>18973571.649999999</v>
      </c>
      <c r="J55" s="674"/>
      <c r="K55" s="451">
        <v>43.791712035304862</v>
      </c>
      <c r="L55" s="452">
        <v>24353283.52</v>
      </c>
    </row>
    <row r="56" spans="1:14" ht="10.5" x14ac:dyDescent="0.2">
      <c r="A56" s="31" t="s">
        <v>42</v>
      </c>
      <c r="B56" s="659">
        <v>34788000</v>
      </c>
      <c r="C56" s="672"/>
      <c r="D56" s="673">
        <v>34788000</v>
      </c>
      <c r="E56" s="674"/>
      <c r="F56" s="659">
        <v>0</v>
      </c>
      <c r="G56" s="672"/>
      <c r="H56" s="451">
        <v>0</v>
      </c>
      <c r="I56" s="673">
        <v>10434716.48</v>
      </c>
      <c r="J56" s="674"/>
      <c r="K56" s="451">
        <v>29.995160630102337</v>
      </c>
      <c r="L56" s="452">
        <v>24353283.52</v>
      </c>
    </row>
    <row r="57" spans="1:14" ht="10.5" x14ac:dyDescent="0.2">
      <c r="A57" s="31" t="s">
        <v>43</v>
      </c>
      <c r="B57" s="659">
        <v>1500000</v>
      </c>
      <c r="C57" s="672"/>
      <c r="D57" s="673">
        <v>8538855.1699999999</v>
      </c>
      <c r="E57" s="674"/>
      <c r="F57" s="659">
        <v>0</v>
      </c>
      <c r="G57" s="672"/>
      <c r="H57" s="451">
        <v>0</v>
      </c>
      <c r="I57" s="673">
        <v>8538855.1699999999</v>
      </c>
      <c r="J57" s="674"/>
      <c r="K57" s="451">
        <v>100</v>
      </c>
      <c r="L57" s="452">
        <v>0</v>
      </c>
    </row>
    <row r="58" spans="1:14" ht="10.5" x14ac:dyDescent="0.2">
      <c r="A58" s="154" t="s">
        <v>44</v>
      </c>
      <c r="B58" s="659">
        <v>7652000</v>
      </c>
      <c r="C58" s="672"/>
      <c r="D58" s="659">
        <v>7652000</v>
      </c>
      <c r="E58" s="672"/>
      <c r="F58" s="659">
        <v>140835.82</v>
      </c>
      <c r="G58" s="672"/>
      <c r="H58" s="451">
        <v>1.8405099320439104</v>
      </c>
      <c r="I58" s="673">
        <v>805609.37</v>
      </c>
      <c r="J58" s="674"/>
      <c r="K58" s="451">
        <v>10.528088996340825</v>
      </c>
      <c r="L58" s="452">
        <v>6846390.6299999999</v>
      </c>
      <c r="M58" s="63"/>
      <c r="N58" s="63"/>
    </row>
    <row r="59" spans="1:14" ht="10.5" x14ac:dyDescent="0.2">
      <c r="A59" s="31" t="s">
        <v>45</v>
      </c>
      <c r="B59" s="659">
        <v>2056000</v>
      </c>
      <c r="C59" s="672"/>
      <c r="D59" s="673">
        <v>2056000</v>
      </c>
      <c r="E59" s="674"/>
      <c r="F59" s="659">
        <v>2592.65</v>
      </c>
      <c r="G59" s="672"/>
      <c r="H59" s="451">
        <v>0.12610165369649806</v>
      </c>
      <c r="I59" s="673">
        <v>359941.92</v>
      </c>
      <c r="J59" s="674"/>
      <c r="K59" s="451">
        <v>17.506902723735408</v>
      </c>
      <c r="L59" s="452">
        <v>1696058.08</v>
      </c>
    </row>
    <row r="60" spans="1:14" ht="10.5" x14ac:dyDescent="0.2">
      <c r="A60" s="31" t="s">
        <v>46</v>
      </c>
      <c r="B60" s="659">
        <v>5596000</v>
      </c>
      <c r="C60" s="672"/>
      <c r="D60" s="673">
        <v>5596000</v>
      </c>
      <c r="E60" s="674"/>
      <c r="F60" s="659">
        <v>138243.17000000001</v>
      </c>
      <c r="G60" s="672"/>
      <c r="H60" s="451">
        <v>2.4703926018584705</v>
      </c>
      <c r="I60" s="673">
        <v>445667.45</v>
      </c>
      <c r="J60" s="674"/>
      <c r="K60" s="451">
        <v>7.9640359185132237</v>
      </c>
      <c r="L60" s="452">
        <v>5150332.55</v>
      </c>
    </row>
    <row r="61" spans="1:14" ht="10.5" x14ac:dyDescent="0.2">
      <c r="A61" s="154" t="s">
        <v>47</v>
      </c>
      <c r="B61" s="659">
        <v>2054800</v>
      </c>
      <c r="C61" s="672"/>
      <c r="D61" s="673">
        <v>2114324.12</v>
      </c>
      <c r="E61" s="674"/>
      <c r="F61" s="659">
        <v>507162.12</v>
      </c>
      <c r="G61" s="672"/>
      <c r="H61" s="451">
        <v>23.986961847647084</v>
      </c>
      <c r="I61" s="673">
        <v>2114324.12</v>
      </c>
      <c r="J61" s="674"/>
      <c r="K61" s="451">
        <v>100</v>
      </c>
      <c r="L61" s="452">
        <v>0</v>
      </c>
    </row>
    <row r="62" spans="1:14" ht="10.5" x14ac:dyDescent="0.2">
      <c r="A62" s="154" t="s">
        <v>48</v>
      </c>
      <c r="B62" s="659">
        <v>664023300</v>
      </c>
      <c r="C62" s="672"/>
      <c r="D62" s="659">
        <v>664023300</v>
      </c>
      <c r="E62" s="672"/>
      <c r="F62" s="659">
        <v>94650118.030000001</v>
      </c>
      <c r="G62" s="672"/>
      <c r="H62" s="451">
        <v>14.254035668627893</v>
      </c>
      <c r="I62" s="673">
        <v>436925589.93000007</v>
      </c>
      <c r="J62" s="674"/>
      <c r="K62" s="451">
        <v>65.799737739624504</v>
      </c>
      <c r="L62" s="452">
        <v>227097710.06999999</v>
      </c>
      <c r="M62" s="63"/>
      <c r="N62" s="63"/>
    </row>
    <row r="63" spans="1:14" ht="10.5" x14ac:dyDescent="0.2">
      <c r="A63" s="31" t="s">
        <v>30</v>
      </c>
      <c r="B63" s="659">
        <v>32204000</v>
      </c>
      <c r="C63" s="672"/>
      <c r="D63" s="673">
        <v>32204000</v>
      </c>
      <c r="E63" s="674"/>
      <c r="F63" s="659">
        <v>0</v>
      </c>
      <c r="G63" s="672"/>
      <c r="H63" s="451">
        <v>0</v>
      </c>
      <c r="I63" s="673">
        <v>3694046.41</v>
      </c>
      <c r="J63" s="674"/>
      <c r="K63" s="451">
        <v>11.47076887964228</v>
      </c>
      <c r="L63" s="452">
        <v>28509953.59</v>
      </c>
    </row>
    <row r="64" spans="1:14" ht="10.5" x14ac:dyDescent="0.2">
      <c r="A64" s="31" t="s">
        <v>31</v>
      </c>
      <c r="B64" s="659">
        <v>411979000</v>
      </c>
      <c r="C64" s="672"/>
      <c r="D64" s="673">
        <v>411979000</v>
      </c>
      <c r="E64" s="674"/>
      <c r="F64" s="659">
        <v>83599713.640000001</v>
      </c>
      <c r="G64" s="672"/>
      <c r="H64" s="451">
        <v>20.292226943606348</v>
      </c>
      <c r="I64" s="673">
        <v>386398019.55000001</v>
      </c>
      <c r="J64" s="674"/>
      <c r="K64" s="451">
        <v>93.790707669565691</v>
      </c>
      <c r="L64" s="452">
        <v>25580980.449999988</v>
      </c>
    </row>
    <row r="65" spans="1:13" ht="10.5" x14ac:dyDescent="0.2">
      <c r="A65" s="31" t="s">
        <v>32</v>
      </c>
      <c r="B65" s="659">
        <v>0</v>
      </c>
      <c r="C65" s="672"/>
      <c r="D65" s="673">
        <v>0</v>
      </c>
      <c r="E65" s="674"/>
      <c r="F65" s="659">
        <v>0</v>
      </c>
      <c r="G65" s="672"/>
      <c r="H65" s="451">
        <v>0</v>
      </c>
      <c r="I65" s="673">
        <v>0</v>
      </c>
      <c r="J65" s="674"/>
      <c r="K65" s="451">
        <v>0</v>
      </c>
      <c r="L65" s="452">
        <v>0</v>
      </c>
    </row>
    <row r="66" spans="1:13" ht="10.5" x14ac:dyDescent="0.2">
      <c r="A66" s="31" t="s">
        <v>33</v>
      </c>
      <c r="B66" s="659">
        <v>0</v>
      </c>
      <c r="C66" s="672"/>
      <c r="D66" s="673">
        <v>0</v>
      </c>
      <c r="E66" s="674"/>
      <c r="F66" s="659">
        <v>0</v>
      </c>
      <c r="G66" s="672"/>
      <c r="H66" s="451">
        <v>0</v>
      </c>
      <c r="I66" s="673">
        <v>0</v>
      </c>
      <c r="J66" s="674"/>
      <c r="K66" s="451">
        <v>0</v>
      </c>
      <c r="L66" s="452">
        <v>0</v>
      </c>
    </row>
    <row r="67" spans="1:13" ht="10.5" x14ac:dyDescent="0.2">
      <c r="A67" s="60" t="s">
        <v>49</v>
      </c>
      <c r="B67" s="659">
        <v>0</v>
      </c>
      <c r="C67" s="672"/>
      <c r="D67" s="673">
        <v>0</v>
      </c>
      <c r="E67" s="674"/>
      <c r="F67" s="659">
        <v>0</v>
      </c>
      <c r="G67" s="672"/>
      <c r="H67" s="451">
        <v>0</v>
      </c>
      <c r="I67" s="673">
        <v>0</v>
      </c>
      <c r="J67" s="674"/>
      <c r="K67" s="451">
        <v>0</v>
      </c>
      <c r="L67" s="452">
        <v>0</v>
      </c>
    </row>
    <row r="68" spans="1:13" ht="10.5" x14ac:dyDescent="0.2">
      <c r="A68" s="60" t="s">
        <v>34</v>
      </c>
      <c r="B68" s="659">
        <v>219840300</v>
      </c>
      <c r="C68" s="672"/>
      <c r="D68" s="673">
        <v>219840300</v>
      </c>
      <c r="E68" s="674"/>
      <c r="F68" s="659">
        <v>11050404.390000001</v>
      </c>
      <c r="G68" s="672"/>
      <c r="H68" s="451">
        <v>5.0265599118996844</v>
      </c>
      <c r="I68" s="673">
        <v>46833523.969999999</v>
      </c>
      <c r="J68" s="674"/>
      <c r="K68" s="451">
        <v>21.303429794264289</v>
      </c>
      <c r="L68" s="452">
        <v>173006776.03</v>
      </c>
    </row>
    <row r="69" spans="1:13" ht="10.5" x14ac:dyDescent="0.2">
      <c r="A69" s="60" t="s">
        <v>35</v>
      </c>
      <c r="B69" s="659">
        <v>0</v>
      </c>
      <c r="C69" s="672"/>
      <c r="D69" s="673">
        <v>0</v>
      </c>
      <c r="E69" s="674"/>
      <c r="F69" s="659">
        <v>0</v>
      </c>
      <c r="G69" s="672"/>
      <c r="H69" s="451">
        <v>0</v>
      </c>
      <c r="I69" s="673">
        <v>0</v>
      </c>
      <c r="J69" s="674"/>
      <c r="K69" s="451">
        <v>0</v>
      </c>
      <c r="L69" s="452">
        <v>0</v>
      </c>
    </row>
    <row r="70" spans="1:13" ht="10.5" x14ac:dyDescent="0.2">
      <c r="A70" s="154" t="s">
        <v>50</v>
      </c>
      <c r="B70" s="659">
        <v>0</v>
      </c>
      <c r="C70" s="672"/>
      <c r="D70" s="659">
        <v>0</v>
      </c>
      <c r="E70" s="672"/>
      <c r="F70" s="659">
        <v>0</v>
      </c>
      <c r="G70" s="672"/>
      <c r="H70" s="451">
        <v>0</v>
      </c>
      <c r="I70" s="673">
        <v>0</v>
      </c>
      <c r="J70" s="674"/>
      <c r="K70" s="451">
        <v>0</v>
      </c>
      <c r="L70" s="452">
        <v>0</v>
      </c>
    </row>
    <row r="71" spans="1:13" ht="10.5" x14ac:dyDescent="0.2">
      <c r="A71" s="31" t="s">
        <v>51</v>
      </c>
      <c r="B71" s="659">
        <v>0</v>
      </c>
      <c r="C71" s="672"/>
      <c r="D71" s="673">
        <v>0</v>
      </c>
      <c r="E71" s="674"/>
      <c r="F71" s="659">
        <v>0</v>
      </c>
      <c r="G71" s="672"/>
      <c r="H71" s="451">
        <v>0</v>
      </c>
      <c r="I71" s="673">
        <v>0</v>
      </c>
      <c r="J71" s="674"/>
      <c r="K71" s="451">
        <v>0</v>
      </c>
      <c r="L71" s="452">
        <v>0</v>
      </c>
    </row>
    <row r="72" spans="1:13" ht="10.5" x14ac:dyDescent="0.2">
      <c r="A72" s="61" t="s">
        <v>52</v>
      </c>
      <c r="B72" s="659">
        <v>0</v>
      </c>
      <c r="C72" s="672"/>
      <c r="D72" s="673">
        <v>0</v>
      </c>
      <c r="E72" s="674"/>
      <c r="F72" s="673">
        <v>0</v>
      </c>
      <c r="G72" s="674"/>
      <c r="H72" s="451">
        <v>0</v>
      </c>
      <c r="I72" s="673">
        <v>0</v>
      </c>
      <c r="J72" s="674"/>
      <c r="K72" s="451">
        <v>0</v>
      </c>
      <c r="L72" s="452">
        <v>0</v>
      </c>
    </row>
    <row r="73" spans="1:13" ht="10.5" x14ac:dyDescent="0.2">
      <c r="A73" s="60" t="s">
        <v>53</v>
      </c>
      <c r="B73" s="659">
        <v>0</v>
      </c>
      <c r="C73" s="672"/>
      <c r="D73" s="673">
        <v>0</v>
      </c>
      <c r="E73" s="674"/>
      <c r="F73" s="659">
        <v>0</v>
      </c>
      <c r="G73" s="672"/>
      <c r="H73" s="451">
        <v>0</v>
      </c>
      <c r="I73" s="673">
        <v>0</v>
      </c>
      <c r="J73" s="674"/>
      <c r="K73" s="451">
        <v>0</v>
      </c>
      <c r="L73" s="452">
        <v>0</v>
      </c>
    </row>
    <row r="74" spans="1:13" ht="10.5" x14ac:dyDescent="0.2">
      <c r="A74" s="155" t="s">
        <v>82</v>
      </c>
      <c r="B74" s="661">
        <v>1179764000</v>
      </c>
      <c r="C74" s="675"/>
      <c r="D74" s="661">
        <v>1438109577.3299999</v>
      </c>
      <c r="E74" s="675"/>
      <c r="F74" s="661">
        <v>152364084.69999999</v>
      </c>
      <c r="G74" s="675"/>
      <c r="H74" s="449">
        <v>10.594747931717398</v>
      </c>
      <c r="I74" s="661">
        <v>932671871.44000006</v>
      </c>
      <c r="J74" s="675"/>
      <c r="K74" s="449">
        <v>64.854019898233517</v>
      </c>
      <c r="L74" s="450">
        <v>505437705.88999987</v>
      </c>
    </row>
    <row r="75" spans="1:13" ht="10.5" x14ac:dyDescent="0.2">
      <c r="A75" s="156" t="s">
        <v>83</v>
      </c>
      <c r="B75" s="657">
        <v>13057110000</v>
      </c>
      <c r="C75" s="658"/>
      <c r="D75" s="657">
        <v>13355832210.190001</v>
      </c>
      <c r="E75" s="658"/>
      <c r="F75" s="657">
        <v>2028171192.79</v>
      </c>
      <c r="G75" s="658"/>
      <c r="H75" s="456">
        <v>15.185659424821024</v>
      </c>
      <c r="I75" s="657">
        <v>10155148946.030001</v>
      </c>
      <c r="J75" s="658"/>
      <c r="K75" s="457">
        <v>76.03531390789712</v>
      </c>
      <c r="L75" s="458">
        <v>3200683264.1599989</v>
      </c>
      <c r="M75" s="319"/>
    </row>
    <row r="76" spans="1:13" ht="10.5" x14ac:dyDescent="0.2">
      <c r="A76" s="320" t="s">
        <v>361</v>
      </c>
      <c r="B76" s="663"/>
      <c r="C76" s="671"/>
      <c r="D76" s="663"/>
      <c r="E76" s="671"/>
      <c r="F76" s="663"/>
      <c r="G76" s="671"/>
      <c r="H76" s="459">
        <v>0</v>
      </c>
      <c r="I76" s="663"/>
      <c r="J76" s="671"/>
      <c r="K76" s="498">
        <v>0</v>
      </c>
      <c r="L76" s="498"/>
    </row>
    <row r="77" spans="1:13" ht="10.5" x14ac:dyDescent="0.2">
      <c r="A77" s="154" t="s">
        <v>310</v>
      </c>
      <c r="B77" s="460"/>
      <c r="C77" s="461"/>
      <c r="D77" s="460"/>
      <c r="E77" s="461"/>
      <c r="F77" s="460"/>
      <c r="G77" s="461"/>
      <c r="H77" s="452">
        <v>0</v>
      </c>
      <c r="I77" s="460"/>
      <c r="J77" s="461"/>
      <c r="K77" s="501">
        <v>0</v>
      </c>
      <c r="L77" s="501"/>
    </row>
    <row r="78" spans="1:13" ht="10.5" x14ac:dyDescent="0.2">
      <c r="A78" s="31" t="s">
        <v>55</v>
      </c>
      <c r="B78" s="452"/>
      <c r="C78" s="462"/>
      <c r="D78" s="452"/>
      <c r="E78" s="462"/>
      <c r="F78" s="452"/>
      <c r="G78" s="462"/>
      <c r="H78" s="452">
        <v>0</v>
      </c>
      <c r="I78" s="452"/>
      <c r="J78" s="462"/>
      <c r="K78" s="501">
        <v>0</v>
      </c>
      <c r="L78" s="501"/>
    </row>
    <row r="79" spans="1:13" ht="10.5" x14ac:dyDescent="0.2">
      <c r="A79" s="62" t="s">
        <v>56</v>
      </c>
      <c r="B79" s="452"/>
      <c r="C79" s="462"/>
      <c r="D79" s="452"/>
      <c r="E79" s="462"/>
      <c r="F79" s="452"/>
      <c r="G79" s="462"/>
      <c r="H79" s="452">
        <v>0</v>
      </c>
      <c r="I79" s="452"/>
      <c r="J79" s="462"/>
      <c r="K79" s="501">
        <v>0</v>
      </c>
      <c r="L79" s="501"/>
    </row>
    <row r="80" spans="1:13" ht="10.5" x14ac:dyDescent="0.2">
      <c r="A80" s="154" t="s">
        <v>311</v>
      </c>
      <c r="B80" s="452"/>
      <c r="C80" s="462"/>
      <c r="D80" s="452"/>
      <c r="E80" s="462"/>
      <c r="F80" s="452"/>
      <c r="G80" s="462"/>
      <c r="H80" s="452">
        <v>0</v>
      </c>
      <c r="I80" s="452"/>
      <c r="J80" s="462"/>
      <c r="K80" s="501">
        <v>0</v>
      </c>
      <c r="L80" s="501"/>
    </row>
    <row r="81" spans="1:13" ht="10.5" x14ac:dyDescent="0.2">
      <c r="A81" s="31" t="s">
        <v>55</v>
      </c>
      <c r="B81" s="452"/>
      <c r="C81" s="462"/>
      <c r="D81" s="452"/>
      <c r="E81" s="462"/>
      <c r="F81" s="452"/>
      <c r="G81" s="462"/>
      <c r="H81" s="452">
        <v>0</v>
      </c>
      <c r="I81" s="452"/>
      <c r="J81" s="462"/>
      <c r="K81" s="501">
        <v>0</v>
      </c>
      <c r="L81" s="501"/>
    </row>
    <row r="82" spans="1:13" ht="10.5" x14ac:dyDescent="0.2">
      <c r="A82" s="62" t="s">
        <v>56</v>
      </c>
      <c r="B82" s="455"/>
      <c r="C82" s="463"/>
      <c r="D82" s="455"/>
      <c r="E82" s="463"/>
      <c r="F82" s="455"/>
      <c r="G82" s="463"/>
      <c r="H82" s="452">
        <v>0</v>
      </c>
      <c r="I82" s="455"/>
      <c r="J82" s="463"/>
      <c r="K82" s="504">
        <v>0</v>
      </c>
      <c r="L82" s="504"/>
    </row>
    <row r="83" spans="1:13" ht="10.5" x14ac:dyDescent="0.2">
      <c r="A83" s="156" t="s">
        <v>57</v>
      </c>
      <c r="B83" s="657">
        <v>13057110000</v>
      </c>
      <c r="C83" s="658"/>
      <c r="D83" s="657">
        <v>13355832210.190001</v>
      </c>
      <c r="E83" s="658"/>
      <c r="F83" s="657">
        <v>2028171192.79</v>
      </c>
      <c r="G83" s="658"/>
      <c r="H83" s="458">
        <v>15.185659424821024</v>
      </c>
      <c r="I83" s="657">
        <v>10155148946.030001</v>
      </c>
      <c r="J83" s="658"/>
      <c r="K83" s="464">
        <v>76.03531390789712</v>
      </c>
      <c r="L83" s="458">
        <v>3200683264.1599989</v>
      </c>
      <c r="M83" s="30"/>
    </row>
    <row r="84" spans="1:13" ht="10.5" x14ac:dyDescent="0.2">
      <c r="A84" s="157" t="s">
        <v>84</v>
      </c>
      <c r="B84" s="657">
        <v>0</v>
      </c>
      <c r="C84" s="658"/>
      <c r="D84" s="657">
        <v>0</v>
      </c>
      <c r="E84" s="658"/>
      <c r="F84" s="657">
        <v>0</v>
      </c>
      <c r="G84" s="658"/>
      <c r="H84" s="458">
        <v>0</v>
      </c>
      <c r="I84" s="657">
        <v>852963361.20000076</v>
      </c>
      <c r="J84" s="658"/>
      <c r="K84" s="465">
        <v>0</v>
      </c>
      <c r="L84" s="502">
        <v>0</v>
      </c>
    </row>
    <row r="85" spans="1:13" ht="15" customHeight="1" x14ac:dyDescent="0.2">
      <c r="A85" s="29" t="s">
        <v>85</v>
      </c>
      <c r="B85" s="669">
        <v>13057110000</v>
      </c>
      <c r="C85" s="670"/>
      <c r="D85" s="669">
        <v>13355832210.190001</v>
      </c>
      <c r="E85" s="670"/>
      <c r="F85" s="669">
        <v>2028171192.79</v>
      </c>
      <c r="G85" s="670"/>
      <c r="H85" s="497">
        <v>15.185659424821024</v>
      </c>
      <c r="I85" s="669">
        <v>11008112307.230001</v>
      </c>
      <c r="J85" s="670"/>
      <c r="K85" s="497">
        <v>82.421762522826725</v>
      </c>
      <c r="L85" s="466">
        <v>3200683264.1599989</v>
      </c>
    </row>
    <row r="86" spans="1:13" ht="21" x14ac:dyDescent="0.2">
      <c r="A86" s="366" t="s">
        <v>58</v>
      </c>
      <c r="B86" s="705">
        <v>0</v>
      </c>
      <c r="C86" s="706"/>
      <c r="D86" s="663">
        <v>0</v>
      </c>
      <c r="E86" s="671"/>
      <c r="F86" s="663">
        <v>0</v>
      </c>
      <c r="G86" s="671"/>
      <c r="H86" s="467">
        <v>0</v>
      </c>
      <c r="I86" s="663">
        <v>0</v>
      </c>
      <c r="J86" s="671"/>
      <c r="K86" s="467">
        <v>0</v>
      </c>
      <c r="L86" s="498" t="s">
        <v>156</v>
      </c>
    </row>
    <row r="87" spans="1:13" ht="10.5" x14ac:dyDescent="0.2">
      <c r="A87" s="367" t="s">
        <v>355</v>
      </c>
      <c r="B87" s="705">
        <v>0</v>
      </c>
      <c r="C87" s="706"/>
      <c r="D87" s="663">
        <v>0</v>
      </c>
      <c r="E87" s="671"/>
      <c r="F87" s="663">
        <v>0</v>
      </c>
      <c r="G87" s="671"/>
      <c r="H87" s="467">
        <v>0</v>
      </c>
      <c r="I87" s="663">
        <v>0</v>
      </c>
      <c r="J87" s="671"/>
      <c r="K87" s="467">
        <v>0</v>
      </c>
      <c r="L87" s="498" t="s">
        <v>156</v>
      </c>
    </row>
    <row r="88" spans="1:13" ht="10.5" x14ac:dyDescent="0.2">
      <c r="A88" s="368" t="s">
        <v>354</v>
      </c>
      <c r="B88" s="663">
        <v>0</v>
      </c>
      <c r="C88" s="671"/>
      <c r="D88" s="663">
        <v>0</v>
      </c>
      <c r="E88" s="671"/>
      <c r="F88" s="663">
        <v>0</v>
      </c>
      <c r="G88" s="671"/>
      <c r="H88" s="467">
        <v>0</v>
      </c>
      <c r="I88" s="663">
        <v>0</v>
      </c>
      <c r="J88" s="671"/>
      <c r="K88" s="467">
        <v>0</v>
      </c>
      <c r="L88" s="498" t="s">
        <v>156</v>
      </c>
    </row>
    <row r="89" spans="1:13" ht="5.0999999999999996" customHeight="1" x14ac:dyDescent="0.2">
      <c r="F89" s="63"/>
      <c r="G89" s="63"/>
      <c r="H89" s="63"/>
      <c r="I89" s="63"/>
      <c r="J89" s="63"/>
      <c r="K89" s="63"/>
      <c r="L89" s="63"/>
    </row>
    <row r="90" spans="1:13" ht="4.5" customHeight="1" x14ac:dyDescent="0.2">
      <c r="E90" s="485"/>
      <c r="F90" s="63"/>
      <c r="G90" s="432"/>
      <c r="H90" s="432"/>
      <c r="I90" s="432"/>
      <c r="J90" s="63"/>
      <c r="K90" s="63"/>
      <c r="L90" s="63"/>
    </row>
    <row r="91" spans="1:13" ht="14.25" customHeight="1" x14ac:dyDescent="0.2">
      <c r="A91" s="702" t="s">
        <v>870</v>
      </c>
      <c r="B91" s="64" t="s">
        <v>157</v>
      </c>
      <c r="C91" s="64" t="s">
        <v>157</v>
      </c>
      <c r="D91" s="712" t="s">
        <v>158</v>
      </c>
      <c r="E91" s="720"/>
      <c r="F91" s="667" t="s">
        <v>161</v>
      </c>
      <c r="G91" s="712" t="s">
        <v>159</v>
      </c>
      <c r="H91" s="713"/>
      <c r="I91" s="667" t="s">
        <v>161</v>
      </c>
      <c r="J91" s="700" t="s">
        <v>538</v>
      </c>
      <c r="K91" s="714" t="s">
        <v>639</v>
      </c>
      <c r="L91" s="715"/>
    </row>
    <row r="92" spans="1:13" ht="27" customHeight="1" x14ac:dyDescent="0.15">
      <c r="A92" s="703"/>
      <c r="B92" s="65" t="s">
        <v>111</v>
      </c>
      <c r="C92" s="65" t="s">
        <v>112</v>
      </c>
      <c r="D92" s="478" t="s">
        <v>433</v>
      </c>
      <c r="E92" s="478" t="s">
        <v>434</v>
      </c>
      <c r="F92" s="668"/>
      <c r="G92" s="478" t="s">
        <v>433</v>
      </c>
      <c r="H92" s="479" t="s">
        <v>434</v>
      </c>
      <c r="I92" s="668"/>
      <c r="J92" s="701"/>
      <c r="K92" s="716"/>
      <c r="L92" s="717"/>
    </row>
    <row r="93" spans="1:13" ht="10.5" x14ac:dyDescent="0.2">
      <c r="A93" s="703"/>
      <c r="B93" s="65"/>
      <c r="C93" s="65"/>
      <c r="D93" s="67" t="s">
        <v>121</v>
      </c>
      <c r="E93" s="67" t="s">
        <v>121</v>
      </c>
      <c r="F93" s="668"/>
      <c r="G93" s="67" t="s">
        <v>121</v>
      </c>
      <c r="H93" s="67" t="s">
        <v>121</v>
      </c>
      <c r="I93" s="668"/>
      <c r="J93" s="701"/>
      <c r="K93" s="716"/>
      <c r="L93" s="717"/>
    </row>
    <row r="94" spans="1:13" s="419" customFormat="1" ht="12" customHeight="1" x14ac:dyDescent="0.2">
      <c r="A94" s="704"/>
      <c r="B94" s="416" t="s">
        <v>162</v>
      </c>
      <c r="C94" s="416" t="s">
        <v>163</v>
      </c>
      <c r="D94" s="418"/>
      <c r="E94" s="416" t="s">
        <v>233</v>
      </c>
      <c r="F94" s="417" t="s">
        <v>542</v>
      </c>
      <c r="G94" s="418"/>
      <c r="H94" s="416" t="s">
        <v>165</v>
      </c>
      <c r="I94" s="416" t="s">
        <v>543</v>
      </c>
      <c r="J94" s="416" t="s">
        <v>350</v>
      </c>
      <c r="K94" s="718"/>
      <c r="L94" s="719"/>
    </row>
    <row r="95" spans="1:13" s="50" customFormat="1" ht="10.5" x14ac:dyDescent="0.2">
      <c r="A95" s="159" t="s">
        <v>362</v>
      </c>
      <c r="B95" s="521">
        <v>12125839700</v>
      </c>
      <c r="C95" s="449">
        <v>13314492461.190002</v>
      </c>
      <c r="D95" s="449">
        <v>1284384200.4299998</v>
      </c>
      <c r="E95" s="449">
        <v>10947481810.360001</v>
      </c>
      <c r="F95" s="449">
        <v>2367010650.8300018</v>
      </c>
      <c r="G95" s="449">
        <v>2041055784.0599999</v>
      </c>
      <c r="H95" s="449">
        <v>9426877788.3300018</v>
      </c>
      <c r="I95" s="449">
        <v>3887614672.8600006</v>
      </c>
      <c r="J95" s="449">
        <v>9015588285.1800003</v>
      </c>
      <c r="K95" s="679">
        <v>0</v>
      </c>
      <c r="L95" s="709"/>
    </row>
    <row r="96" spans="1:13" s="50" customFormat="1" ht="10.5" x14ac:dyDescent="0.2">
      <c r="A96" s="69" t="s">
        <v>86</v>
      </c>
      <c r="B96" s="521">
        <v>10009392800</v>
      </c>
      <c r="C96" s="449">
        <v>11268776227.310001</v>
      </c>
      <c r="D96" s="449">
        <v>1096490010.8799999</v>
      </c>
      <c r="E96" s="449">
        <v>9435443450.3400002</v>
      </c>
      <c r="F96" s="449">
        <v>1833332776.9700005</v>
      </c>
      <c r="G96" s="449">
        <v>1734832658.5799999</v>
      </c>
      <c r="H96" s="449">
        <v>8330064385.500001</v>
      </c>
      <c r="I96" s="449">
        <v>2938711841.8099999</v>
      </c>
      <c r="J96" s="449">
        <v>7933185670.5100002</v>
      </c>
      <c r="K96" s="665">
        <v>0</v>
      </c>
      <c r="L96" s="666"/>
    </row>
    <row r="97" spans="1:12" s="50" customFormat="1" ht="10.5" x14ac:dyDescent="0.2">
      <c r="A97" s="69" t="s">
        <v>87</v>
      </c>
      <c r="B97" s="451">
        <v>5134540600</v>
      </c>
      <c r="C97" s="451">
        <v>5935727742.8000002</v>
      </c>
      <c r="D97" s="451">
        <v>808554569.62</v>
      </c>
      <c r="E97" s="451">
        <v>5185806806.9399996</v>
      </c>
      <c r="F97" s="451">
        <v>749920935.86000061</v>
      </c>
      <c r="G97" s="451">
        <v>964330883.52999997</v>
      </c>
      <c r="H97" s="451">
        <v>4735260615.5100002</v>
      </c>
      <c r="I97" s="451">
        <v>1200467127.29</v>
      </c>
      <c r="J97" s="451">
        <v>4483333553.3599997</v>
      </c>
      <c r="K97" s="659">
        <v>0</v>
      </c>
      <c r="L97" s="660"/>
    </row>
    <row r="98" spans="1:12" ht="10.5" x14ac:dyDescent="0.2">
      <c r="A98" s="69" t="s">
        <v>88</v>
      </c>
      <c r="B98" s="451">
        <v>267800700</v>
      </c>
      <c r="C98" s="451">
        <v>270298743</v>
      </c>
      <c r="D98" s="451">
        <v>1680126.81</v>
      </c>
      <c r="E98" s="451">
        <v>265258807.71000001</v>
      </c>
      <c r="F98" s="451">
        <v>5039935.2899999917</v>
      </c>
      <c r="G98" s="451">
        <v>67647146.579999998</v>
      </c>
      <c r="H98" s="451">
        <v>228685296.77000001</v>
      </c>
      <c r="I98" s="451">
        <v>41613446.229999989</v>
      </c>
      <c r="J98" s="451">
        <v>228685070.59999999</v>
      </c>
      <c r="K98" s="659">
        <v>0</v>
      </c>
      <c r="L98" s="660"/>
    </row>
    <row r="99" spans="1:12" ht="10.5" x14ac:dyDescent="0.2">
      <c r="A99" s="69" t="s">
        <v>89</v>
      </c>
      <c r="B99" s="522">
        <v>4607051500</v>
      </c>
      <c r="C99" s="451">
        <v>5062749741.5100002</v>
      </c>
      <c r="D99" s="451">
        <v>286255314.44999999</v>
      </c>
      <c r="E99" s="451">
        <v>3984377835.6900001</v>
      </c>
      <c r="F99" s="451">
        <v>1078371905.8199999</v>
      </c>
      <c r="G99" s="451">
        <v>702854628.47000003</v>
      </c>
      <c r="H99" s="451">
        <v>3366118473.2200003</v>
      </c>
      <c r="I99" s="451">
        <v>1696631268.29</v>
      </c>
      <c r="J99" s="451">
        <v>3221167046.5500002</v>
      </c>
      <c r="K99" s="659">
        <v>0</v>
      </c>
      <c r="L99" s="660"/>
    </row>
    <row r="100" spans="1:12" ht="10.5" x14ac:dyDescent="0.2">
      <c r="A100" s="70" t="s">
        <v>739</v>
      </c>
      <c r="B100" s="451">
        <v>2079676200</v>
      </c>
      <c r="C100" s="451">
        <v>2046290794.5699999</v>
      </c>
      <c r="D100" s="451">
        <v>2066700</v>
      </c>
      <c r="E100" s="451">
        <v>1961059900</v>
      </c>
      <c r="F100" s="451">
        <v>85230894.569999933</v>
      </c>
      <c r="G100" s="451">
        <v>323082819.35000002</v>
      </c>
      <c r="H100" s="451">
        <v>1707594345.48</v>
      </c>
      <c r="I100" s="451">
        <v>338696449.08999991</v>
      </c>
      <c r="J100" s="451">
        <v>1672449026.01</v>
      </c>
      <c r="K100" s="659">
        <v>0</v>
      </c>
      <c r="L100" s="660"/>
    </row>
    <row r="101" spans="1:12" ht="10.5" x14ac:dyDescent="0.2">
      <c r="A101" s="70" t="s">
        <v>740</v>
      </c>
      <c r="B101" s="451">
        <v>2527375300</v>
      </c>
      <c r="C101" s="451">
        <v>3016458946.9400001</v>
      </c>
      <c r="D101" s="451">
        <v>284188614.44999999</v>
      </c>
      <c r="E101" s="451">
        <v>2023317935.6900001</v>
      </c>
      <c r="F101" s="451">
        <v>993141011.25</v>
      </c>
      <c r="G101" s="451">
        <v>379771809.12</v>
      </c>
      <c r="H101" s="451">
        <v>1658524127.74</v>
      </c>
      <c r="I101" s="451">
        <v>1357934819.2</v>
      </c>
      <c r="J101" s="451">
        <v>1548718020.54</v>
      </c>
      <c r="K101" s="659">
        <v>0</v>
      </c>
      <c r="L101" s="660"/>
    </row>
    <row r="102" spans="1:12" s="50" customFormat="1" ht="10.5" x14ac:dyDescent="0.2">
      <c r="A102" s="69" t="s">
        <v>90</v>
      </c>
      <c r="B102" s="521">
        <v>1999571700</v>
      </c>
      <c r="C102" s="449">
        <v>1994453180.8800001</v>
      </c>
      <c r="D102" s="449">
        <v>187894189.55000001</v>
      </c>
      <c r="E102" s="449">
        <v>1512038360.02</v>
      </c>
      <c r="F102" s="449">
        <v>482414820.86000013</v>
      </c>
      <c r="G102" s="449">
        <v>306223125.48000002</v>
      </c>
      <c r="H102" s="449">
        <v>1096813402.8299999</v>
      </c>
      <c r="I102" s="449">
        <v>897639778.05000019</v>
      </c>
      <c r="J102" s="449">
        <v>1082402614.6700001</v>
      </c>
      <c r="K102" s="665">
        <v>0</v>
      </c>
      <c r="L102" s="666"/>
    </row>
    <row r="103" spans="1:12" ht="10.5" x14ac:dyDescent="0.2">
      <c r="A103" s="63" t="s">
        <v>91</v>
      </c>
      <c r="B103" s="451">
        <v>1222433500</v>
      </c>
      <c r="C103" s="451">
        <v>1217892680.8800001</v>
      </c>
      <c r="D103" s="451">
        <v>80042373.239999995</v>
      </c>
      <c r="E103" s="451">
        <v>740617337.5</v>
      </c>
      <c r="F103" s="451">
        <v>477275343.38000011</v>
      </c>
      <c r="G103" s="451">
        <v>94912017.629999995</v>
      </c>
      <c r="H103" s="451">
        <v>379294555.56</v>
      </c>
      <c r="I103" s="451">
        <v>838598125.32000017</v>
      </c>
      <c r="J103" s="451">
        <v>364883767.39999998</v>
      </c>
      <c r="K103" s="659">
        <v>0</v>
      </c>
      <c r="L103" s="660"/>
    </row>
    <row r="104" spans="1:12" ht="10.5" x14ac:dyDescent="0.2">
      <c r="A104" s="63" t="s">
        <v>92</v>
      </c>
      <c r="B104" s="451">
        <v>13788800</v>
      </c>
      <c r="C104" s="451">
        <v>2746074</v>
      </c>
      <c r="D104" s="451">
        <v>5430.9</v>
      </c>
      <c r="E104" s="451">
        <v>473411.76</v>
      </c>
      <c r="F104" s="451">
        <v>2272662.2400000002</v>
      </c>
      <c r="G104" s="451">
        <v>70035.27</v>
      </c>
      <c r="H104" s="451">
        <v>473411.76</v>
      </c>
      <c r="I104" s="451">
        <v>2272662.2400000002</v>
      </c>
      <c r="J104" s="451">
        <v>473411.76</v>
      </c>
      <c r="K104" s="659">
        <v>0</v>
      </c>
      <c r="L104" s="660"/>
    </row>
    <row r="105" spans="1:12" ht="10.5" x14ac:dyDescent="0.2">
      <c r="A105" s="63" t="s">
        <v>93</v>
      </c>
      <c r="B105" s="451">
        <v>763349400</v>
      </c>
      <c r="C105" s="451">
        <v>773814426</v>
      </c>
      <c r="D105" s="451">
        <v>107846385.41</v>
      </c>
      <c r="E105" s="451">
        <v>770947610.75999999</v>
      </c>
      <c r="F105" s="451">
        <v>2866815.2400000095</v>
      </c>
      <c r="G105" s="451">
        <v>211241072.58000001</v>
      </c>
      <c r="H105" s="451">
        <v>717045435.50999999</v>
      </c>
      <c r="I105" s="451">
        <v>56768990.49000001</v>
      </c>
      <c r="J105" s="451">
        <v>717045435.50999999</v>
      </c>
      <c r="K105" s="659">
        <v>0</v>
      </c>
      <c r="L105" s="660"/>
    </row>
    <row r="106" spans="1:12" ht="10.5" x14ac:dyDescent="0.2">
      <c r="A106" s="63" t="s">
        <v>94</v>
      </c>
      <c r="B106" s="452">
        <v>87915000</v>
      </c>
      <c r="C106" s="523">
        <v>22302853</v>
      </c>
      <c r="D106" s="451">
        <v>0</v>
      </c>
      <c r="E106" s="451">
        <v>0</v>
      </c>
      <c r="F106" s="451">
        <v>22302853</v>
      </c>
      <c r="G106" s="451">
        <v>0</v>
      </c>
      <c r="H106" s="451">
        <v>0</v>
      </c>
      <c r="I106" s="451">
        <v>22302853</v>
      </c>
      <c r="J106" s="451">
        <v>0</v>
      </c>
      <c r="K106" s="659">
        <v>0</v>
      </c>
      <c r="L106" s="660"/>
    </row>
    <row r="107" spans="1:12" ht="10.5" x14ac:dyDescent="0.2">
      <c r="A107" s="63" t="s">
        <v>95</v>
      </c>
      <c r="B107" s="452">
        <v>28960200</v>
      </c>
      <c r="C107" s="451">
        <v>28960200</v>
      </c>
      <c r="D107" s="451">
        <v>0</v>
      </c>
      <c r="E107" s="451">
        <v>0</v>
      </c>
      <c r="F107" s="451">
        <v>28960200</v>
      </c>
      <c r="G107" s="451">
        <v>0</v>
      </c>
      <c r="H107" s="451">
        <v>0</v>
      </c>
      <c r="I107" s="451">
        <v>28960200</v>
      </c>
      <c r="J107" s="451">
        <v>0</v>
      </c>
      <c r="K107" s="659">
        <v>0</v>
      </c>
      <c r="L107" s="660"/>
    </row>
    <row r="108" spans="1:12" s="50" customFormat="1" ht="10.5" x14ac:dyDescent="0.2">
      <c r="A108" s="69" t="s">
        <v>96</v>
      </c>
      <c r="B108" s="450">
        <v>931270300</v>
      </c>
      <c r="C108" s="450">
        <v>1870450005.8099999</v>
      </c>
      <c r="D108" s="450">
        <v>638136054.19000006</v>
      </c>
      <c r="E108" s="450">
        <v>1785847519.96</v>
      </c>
      <c r="F108" s="450">
        <v>84602485.849999905</v>
      </c>
      <c r="G108" s="450">
        <v>581862223.77999997</v>
      </c>
      <c r="H108" s="450">
        <v>1581234518.9000001</v>
      </c>
      <c r="I108" s="450">
        <v>289215486.90999985</v>
      </c>
      <c r="J108" s="450">
        <v>1399237525.0799999</v>
      </c>
      <c r="K108" s="661">
        <v>0</v>
      </c>
      <c r="L108" s="662"/>
    </row>
    <row r="109" spans="1:12" s="50" customFormat="1" ht="10.5" x14ac:dyDescent="0.2">
      <c r="A109" s="124" t="s">
        <v>97</v>
      </c>
      <c r="B109" s="499">
        <v>13057110000</v>
      </c>
      <c r="C109" s="499">
        <v>15184942467.000002</v>
      </c>
      <c r="D109" s="499">
        <v>1922520254.6199999</v>
      </c>
      <c r="E109" s="499">
        <v>12733329330.32</v>
      </c>
      <c r="F109" s="499">
        <v>2451613136.6800017</v>
      </c>
      <c r="G109" s="499">
        <v>2622918007.8400002</v>
      </c>
      <c r="H109" s="499">
        <v>11008112307.230001</v>
      </c>
      <c r="I109" s="499">
        <v>4176830159.7700005</v>
      </c>
      <c r="J109" s="499">
        <v>10414825810.26</v>
      </c>
      <c r="K109" s="663">
        <v>0</v>
      </c>
      <c r="L109" s="664"/>
    </row>
    <row r="110" spans="1:12" ht="10.5" x14ac:dyDescent="0.2">
      <c r="A110" s="320" t="s">
        <v>363</v>
      </c>
      <c r="B110" s="459">
        <v>0</v>
      </c>
      <c r="C110" s="459">
        <v>0</v>
      </c>
      <c r="D110" s="459">
        <v>0</v>
      </c>
      <c r="E110" s="459">
        <v>0</v>
      </c>
      <c r="F110" s="459">
        <v>0</v>
      </c>
      <c r="G110" s="459">
        <v>0</v>
      </c>
      <c r="H110" s="459">
        <v>0</v>
      </c>
      <c r="I110" s="459">
        <v>0</v>
      </c>
      <c r="J110" s="459">
        <v>0</v>
      </c>
      <c r="K110" s="663">
        <v>0</v>
      </c>
      <c r="L110" s="664"/>
    </row>
    <row r="111" spans="1:12" s="50" customFormat="1" ht="10.5" customHeight="1" x14ac:dyDescent="0.2">
      <c r="A111" s="154" t="s">
        <v>3</v>
      </c>
      <c r="B111" s="503">
        <v>0</v>
      </c>
      <c r="C111" s="503">
        <v>0</v>
      </c>
      <c r="D111" s="503">
        <v>0</v>
      </c>
      <c r="E111" s="503">
        <v>0</v>
      </c>
      <c r="F111" s="503">
        <v>0</v>
      </c>
      <c r="G111" s="503">
        <v>0</v>
      </c>
      <c r="H111" s="503">
        <v>0</v>
      </c>
      <c r="I111" s="503">
        <v>0</v>
      </c>
      <c r="J111" s="503">
        <v>0</v>
      </c>
      <c r="K111" s="679">
        <v>0</v>
      </c>
      <c r="L111" s="709"/>
    </row>
    <row r="112" spans="1:12" ht="10.5" customHeight="1" x14ac:dyDescent="0.2">
      <c r="A112" s="31" t="s">
        <v>1</v>
      </c>
      <c r="B112" s="452"/>
      <c r="C112" s="452"/>
      <c r="D112" s="451"/>
      <c r="E112" s="452"/>
      <c r="F112" s="451"/>
      <c r="G112" s="501"/>
      <c r="H112" s="501"/>
      <c r="I112" s="501"/>
      <c r="J112" s="451"/>
      <c r="K112" s="659"/>
      <c r="L112" s="660"/>
    </row>
    <row r="113" spans="1:12" ht="10.5" customHeight="1" x14ac:dyDescent="0.2">
      <c r="A113" s="31" t="s">
        <v>2</v>
      </c>
      <c r="B113" s="452"/>
      <c r="C113" s="452"/>
      <c r="D113" s="451"/>
      <c r="E113" s="452"/>
      <c r="F113" s="451"/>
      <c r="G113" s="501"/>
      <c r="H113" s="501"/>
      <c r="I113" s="501"/>
      <c r="J113" s="451"/>
      <c r="K113" s="659"/>
      <c r="L113" s="660"/>
    </row>
    <row r="114" spans="1:12" s="50" customFormat="1" ht="10.5" customHeight="1" x14ac:dyDescent="0.2">
      <c r="A114" s="154" t="s">
        <v>4</v>
      </c>
      <c r="B114" s="503">
        <v>0</v>
      </c>
      <c r="C114" s="503">
        <v>0</v>
      </c>
      <c r="D114" s="503">
        <v>0</v>
      </c>
      <c r="E114" s="503">
        <v>0</v>
      </c>
      <c r="F114" s="503">
        <v>0</v>
      </c>
      <c r="G114" s="503">
        <v>0</v>
      </c>
      <c r="H114" s="503">
        <v>0</v>
      </c>
      <c r="I114" s="503">
        <v>0</v>
      </c>
      <c r="J114" s="503">
        <v>0</v>
      </c>
      <c r="K114" s="665">
        <v>0</v>
      </c>
      <c r="L114" s="666"/>
    </row>
    <row r="115" spans="1:12" ht="10.5" customHeight="1" x14ac:dyDescent="0.2">
      <c r="A115" s="31" t="s">
        <v>1</v>
      </c>
      <c r="B115" s="452"/>
      <c r="C115" s="452"/>
      <c r="D115" s="451"/>
      <c r="E115" s="452"/>
      <c r="F115" s="451"/>
      <c r="G115" s="501"/>
      <c r="H115" s="501"/>
      <c r="I115" s="501"/>
      <c r="J115" s="451"/>
      <c r="K115" s="659"/>
      <c r="L115" s="660"/>
    </row>
    <row r="116" spans="1:12" ht="10.5" customHeight="1" x14ac:dyDescent="0.2">
      <c r="A116" s="32" t="s">
        <v>2</v>
      </c>
      <c r="B116" s="455"/>
      <c r="C116" s="455"/>
      <c r="D116" s="454"/>
      <c r="E116" s="455"/>
      <c r="F116" s="454"/>
      <c r="G116" s="504"/>
      <c r="H116" s="504"/>
      <c r="I116" s="504"/>
      <c r="J116" s="454"/>
      <c r="K116" s="710"/>
      <c r="L116" s="711"/>
    </row>
    <row r="117" spans="1:12" ht="10.5" x14ac:dyDescent="0.2">
      <c r="A117" s="158" t="s">
        <v>98</v>
      </c>
      <c r="B117" s="524">
        <v>13057110000</v>
      </c>
      <c r="C117" s="524">
        <v>15184942467.000002</v>
      </c>
      <c r="D117" s="524">
        <v>1922520254.6199999</v>
      </c>
      <c r="E117" s="524">
        <v>12733329330.32</v>
      </c>
      <c r="F117" s="524">
        <v>2451613136.6800017</v>
      </c>
      <c r="G117" s="524">
        <v>2622918007.8400002</v>
      </c>
      <c r="H117" s="524">
        <v>11008112307.230001</v>
      </c>
      <c r="I117" s="524">
        <v>4176830159.7700005</v>
      </c>
      <c r="J117" s="524">
        <v>10414825810.26</v>
      </c>
      <c r="K117" s="657">
        <v>0</v>
      </c>
      <c r="L117" s="707"/>
    </row>
    <row r="118" spans="1:12" ht="10.5" x14ac:dyDescent="0.2">
      <c r="A118" s="158" t="s">
        <v>99</v>
      </c>
      <c r="B118" s="499"/>
      <c r="C118" s="499"/>
      <c r="D118" s="499"/>
      <c r="E118" s="499"/>
      <c r="F118" s="499"/>
      <c r="G118" s="499"/>
      <c r="H118" s="500">
        <v>0</v>
      </c>
      <c r="I118" s="458"/>
      <c r="J118" s="525"/>
      <c r="K118" s="707"/>
      <c r="L118" s="707"/>
    </row>
    <row r="119" spans="1:12" ht="15" customHeight="1" x14ac:dyDescent="0.2">
      <c r="A119" s="68" t="s">
        <v>100</v>
      </c>
      <c r="B119" s="526">
        <v>13057110000</v>
      </c>
      <c r="C119" s="526">
        <v>15184942467.000002</v>
      </c>
      <c r="D119" s="526">
        <v>1922520254.6199999</v>
      </c>
      <c r="E119" s="526">
        <v>12733329330.32</v>
      </c>
      <c r="F119" s="497">
        <v>2451613136.6800017</v>
      </c>
      <c r="G119" s="497">
        <v>2622918007.8400002</v>
      </c>
      <c r="H119" s="527">
        <v>11008112307.230001</v>
      </c>
      <c r="I119" s="497">
        <v>4176830159.7700005</v>
      </c>
      <c r="J119" s="497">
        <v>10414825810.26</v>
      </c>
      <c r="K119" s="669">
        <v>0</v>
      </c>
      <c r="L119" s="708"/>
    </row>
    <row r="120" spans="1:12" ht="11.25" customHeight="1" x14ac:dyDescent="0.2">
      <c r="A120" s="51" t="s">
        <v>865</v>
      </c>
      <c r="K120" s="699"/>
      <c r="L120" s="699"/>
    </row>
    <row r="121" spans="1:12" ht="11.25" customHeight="1" x14ac:dyDescent="0.2">
      <c r="D121" s="212"/>
    </row>
    <row r="122" spans="1:12" ht="11.25" customHeight="1" x14ac:dyDescent="0.2">
      <c r="B122" s="212"/>
      <c r="C122" s="212"/>
      <c r="D122" s="212"/>
      <c r="G122" s="212"/>
    </row>
    <row r="123" spans="1:12" ht="11.25" customHeight="1" x14ac:dyDescent="0.2">
      <c r="C123" s="212"/>
      <c r="D123" s="212"/>
      <c r="E123" s="212"/>
      <c r="G123" s="212"/>
      <c r="H123" s="212"/>
    </row>
    <row r="124" spans="1:12" ht="11.25" customHeight="1" x14ac:dyDescent="0.2">
      <c r="B124" s="212"/>
      <c r="D124" s="212"/>
    </row>
    <row r="125" spans="1:12" ht="11.25" customHeight="1" x14ac:dyDescent="0.2">
      <c r="B125" s="212"/>
      <c r="D125" s="212"/>
      <c r="E125" s="212"/>
    </row>
    <row r="126" spans="1:12" ht="11.25" customHeight="1" x14ac:dyDescent="0.2">
      <c r="B126" s="212"/>
      <c r="D126" s="212"/>
    </row>
    <row r="127" spans="1:12" ht="11.25" customHeight="1" x14ac:dyDescent="0.2">
      <c r="D127" s="212"/>
    </row>
  </sheetData>
  <dataConsolidate/>
  <customSheetViews>
    <customSheetView guid="{C779D862-DE28-46CD-A428-4AAA1056D1E1}" showPageBreaks="1" showGridLines="0" fitToPage="1" printArea="1">
      <selection activeCell="A2" sqref="A2"/>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1"/>
      <headerFooter alignWithMargins="0"/>
    </customSheetView>
    <customSheetView guid="{82EDB5A4-4824-4632-A540-7A52C92F04C7}" showPageBreaks="1" showGridLines="0" fitToPage="1" printArea="1" hiddenRows="1" topLeftCell="A16">
      <selection activeCell="C138" sqref="C138"/>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2"/>
      <headerFooter alignWithMargins="0"/>
    </customSheetView>
    <customSheetView guid="{6DBFA32C-4AA4-4E1D-9A48-697377C64CC3}" showGridLines="0" fitToPage="1" hiddenRows="1" topLeftCell="A16">
      <selection activeCell="C138" sqref="C138"/>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3"/>
      <headerFooter alignWithMargins="0"/>
    </customSheetView>
    <customSheetView guid="{25EF1E0D-169B-4051-B414-7E1196FC05E4}" showGridLines="0" fitToPage="1" topLeftCell="B85">
      <selection activeCell="C102" sqref="C102"/>
      <rowBreaks count="1" manualBreakCount="1">
        <brk id="97" max="16383" man="1"/>
      </rowBreaks>
      <pageMargins left="0.19685039370078741" right="0.19685039370078741" top="0.19685039370078741" bottom="0.19685039370078741" header="0" footer="0"/>
      <printOptions horizontalCentered="1"/>
      <pageSetup paperSize="9" scale="36"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3AAF6A5F-F9AA-430B-9AD9-1261ECDF41B5}" scale="90" showPageBreaks="1" showGridLines="0" fitToPage="1" printArea="1" hiddenRows="1" topLeftCell="A10">
      <pane xSplit="1" ySplit="3" topLeftCell="F31" activePane="bottomRight" state="frozen"/>
      <selection pane="bottomRight" activeCell="I41" sqref="I41:J41"/>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7"/>
      <headerFooter alignWithMargins="0"/>
    </customSheetView>
  </customSheetViews>
  <mergeCells count="327">
    <mergeCell ref="B85:C85"/>
    <mergeCell ref="I85:J85"/>
    <mergeCell ref="B86:C86"/>
    <mergeCell ref="K98:L98"/>
    <mergeCell ref="K99:L99"/>
    <mergeCell ref="K100:L100"/>
    <mergeCell ref="K101:L101"/>
    <mergeCell ref="G91:H91"/>
    <mergeCell ref="K91:L94"/>
    <mergeCell ref="K95:L95"/>
    <mergeCell ref="K97:L97"/>
    <mergeCell ref="D91:E91"/>
    <mergeCell ref="F86:G86"/>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7:C17"/>
    <mergeCell ref="D17:E17"/>
    <mergeCell ref="F17:G17"/>
    <mergeCell ref="I17:J17"/>
    <mergeCell ref="I18:J18"/>
    <mergeCell ref="B18:C18"/>
    <mergeCell ref="D18:E18"/>
    <mergeCell ref="F18:G18"/>
    <mergeCell ref="B16:C16"/>
    <mergeCell ref="D16:E16"/>
    <mergeCell ref="F16:G1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s>
  <phoneticPr fontId="1" type="noConversion"/>
  <printOptions horizontalCentered="1"/>
  <pageMargins left="0.19685039370078741" right="0.19685039370078741" top="0.39370078740157483" bottom="0.19685039370078741" header="0" footer="0"/>
  <pageSetup paperSize="9" scale="37" fitToHeight="2"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92D050"/>
    <pageSetUpPr fitToPage="1"/>
  </sheetPr>
  <dimension ref="A1:G104"/>
  <sheetViews>
    <sheetView showGridLines="0" zoomScaleNormal="100" workbookViewId="0"/>
  </sheetViews>
  <sheetFormatPr defaultColWidth="3.28515625" defaultRowHeight="11.25" customHeight="1" x14ac:dyDescent="0.2"/>
  <cols>
    <col min="1" max="1" width="56.7109375" style="51" customWidth="1"/>
    <col min="2" max="3" width="19.140625" style="51" customWidth="1"/>
    <col min="4" max="4" width="20.140625" style="51" customWidth="1"/>
    <col min="5" max="5" width="16" style="51" bestFit="1" customWidth="1"/>
    <col min="6" max="6" width="16.85546875" style="51" bestFit="1" customWidth="1"/>
    <col min="7" max="7" width="18.140625" style="51" bestFit="1" customWidth="1"/>
    <col min="8" max="16384" width="3.28515625" style="1"/>
  </cols>
  <sheetData>
    <row r="1" spans="1:7" s="28" customFormat="1" ht="14.25" x14ac:dyDescent="0.2">
      <c r="A1" s="365"/>
      <c r="B1" s="365"/>
      <c r="C1" s="365"/>
      <c r="D1" s="365"/>
      <c r="E1" s="365"/>
      <c r="F1" s="365"/>
      <c r="G1" s="365"/>
    </row>
    <row r="2" spans="1:7" s="28" customFormat="1" ht="14.25" x14ac:dyDescent="0.2">
      <c r="A2" s="365"/>
      <c r="B2" s="365"/>
      <c r="C2" s="365"/>
      <c r="D2" s="365"/>
      <c r="E2" s="365"/>
      <c r="F2" s="365"/>
      <c r="G2" s="365"/>
    </row>
    <row r="3" spans="1:7" s="51" customFormat="1" ht="10.5" x14ac:dyDescent="0.2">
      <c r="A3" s="681" t="s">
        <v>641</v>
      </c>
      <c r="B3" s="681"/>
      <c r="C3" s="681"/>
      <c r="D3" s="681"/>
      <c r="E3" s="681"/>
      <c r="F3" s="681"/>
      <c r="G3" s="681"/>
    </row>
    <row r="4" spans="1:7" s="51" customFormat="1" ht="10.5" x14ac:dyDescent="0.2">
      <c r="A4" s="681" t="s">
        <v>105</v>
      </c>
      <c r="B4" s="681"/>
      <c r="C4" s="681"/>
      <c r="D4" s="681"/>
      <c r="E4" s="681"/>
      <c r="F4" s="681"/>
      <c r="G4" s="681"/>
    </row>
    <row r="5" spans="1:7" s="51" customFormat="1" ht="10.5" x14ac:dyDescent="0.2">
      <c r="A5" s="681" t="s">
        <v>211</v>
      </c>
      <c r="B5" s="681"/>
      <c r="C5" s="681"/>
      <c r="D5" s="681"/>
      <c r="E5" s="681"/>
      <c r="F5" s="681"/>
      <c r="G5" s="681"/>
    </row>
    <row r="6" spans="1:7" s="51" customFormat="1" ht="10.5" customHeight="1" x14ac:dyDescent="0.2">
      <c r="A6" s="681" t="s">
        <v>107</v>
      </c>
      <c r="B6" s="681"/>
      <c r="C6" s="681"/>
      <c r="D6" s="681"/>
      <c r="E6" s="681"/>
      <c r="F6" s="681"/>
      <c r="G6" s="681"/>
    </row>
    <row r="7" spans="1:7" s="51" customFormat="1" ht="10.5" customHeight="1" x14ac:dyDescent="0.2">
      <c r="A7" s="681" t="s">
        <v>872</v>
      </c>
      <c r="B7" s="681"/>
      <c r="C7" s="681"/>
      <c r="D7" s="681"/>
      <c r="E7" s="681"/>
      <c r="F7" s="681"/>
      <c r="G7" s="681"/>
    </row>
    <row r="8" spans="1:7" s="28" customFormat="1" ht="10.5" x14ac:dyDescent="0.2"/>
    <row r="9" spans="1:7" s="28" customFormat="1" ht="10.5" x14ac:dyDescent="0.2">
      <c r="A9" s="133" t="s">
        <v>368</v>
      </c>
      <c r="G9" s="236">
        <v>1</v>
      </c>
    </row>
    <row r="10" spans="1:7" ht="15" customHeight="1" x14ac:dyDescent="0.2">
      <c r="A10" s="741" t="s">
        <v>213</v>
      </c>
      <c r="B10" s="690" t="s">
        <v>314</v>
      </c>
      <c r="C10" s="691"/>
      <c r="D10" s="691"/>
      <c r="E10" s="691"/>
      <c r="F10" s="691"/>
      <c r="G10" s="691"/>
    </row>
    <row r="11" spans="1:7" ht="15" customHeight="1" x14ac:dyDescent="0.2">
      <c r="A11" s="744"/>
      <c r="B11" s="690" t="s">
        <v>212</v>
      </c>
      <c r="C11" s="828"/>
      <c r="D11" s="742" t="s">
        <v>431</v>
      </c>
      <c r="E11" s="742" t="s">
        <v>218</v>
      </c>
      <c r="F11" s="742" t="s">
        <v>217</v>
      </c>
      <c r="G11" s="829" t="s">
        <v>430</v>
      </c>
    </row>
    <row r="12" spans="1:7" ht="10.5" customHeight="1" x14ac:dyDescent="0.2">
      <c r="A12" s="744"/>
      <c r="B12" s="222" t="s">
        <v>313</v>
      </c>
      <c r="C12" s="220" t="s">
        <v>214</v>
      </c>
      <c r="D12" s="767"/>
      <c r="E12" s="767"/>
      <c r="F12" s="767"/>
      <c r="G12" s="830"/>
    </row>
    <row r="13" spans="1:7" ht="10.5" x14ac:dyDescent="0.2">
      <c r="A13" s="744"/>
      <c r="B13" s="220" t="s">
        <v>215</v>
      </c>
      <c r="C13" s="220" t="s">
        <v>216</v>
      </c>
      <c r="D13" s="767"/>
      <c r="E13" s="767"/>
      <c r="F13" s="767"/>
      <c r="G13" s="830" t="s">
        <v>116</v>
      </c>
    </row>
    <row r="14" spans="1:7" ht="13.5" customHeight="1" x14ac:dyDescent="0.2">
      <c r="A14" s="745"/>
      <c r="B14" s="218" t="s">
        <v>219</v>
      </c>
      <c r="C14" s="218">
        <v>2014</v>
      </c>
      <c r="D14" s="743"/>
      <c r="E14" s="743"/>
      <c r="F14" s="743"/>
      <c r="G14" s="831"/>
    </row>
    <row r="15" spans="1:7" s="73" customFormat="1" ht="15" customHeight="1" x14ac:dyDescent="0.2">
      <c r="A15" s="227" t="s">
        <v>101</v>
      </c>
      <c r="B15" s="340">
        <v>1188473.26</v>
      </c>
      <c r="C15" s="340">
        <v>111982821.17999999</v>
      </c>
      <c r="D15" s="340">
        <v>3531961.4699999997</v>
      </c>
      <c r="E15" s="340">
        <v>49348163.880000003</v>
      </c>
      <c r="F15" s="340">
        <v>42627486.210000008</v>
      </c>
      <c r="G15" s="515">
        <v>21195644.349999998</v>
      </c>
    </row>
    <row r="16" spans="1:7" ht="10.5" x14ac:dyDescent="0.2">
      <c r="A16" s="28"/>
      <c r="B16" s="562"/>
      <c r="C16" s="562"/>
      <c r="D16" s="562"/>
      <c r="E16" s="562"/>
      <c r="F16" s="564"/>
      <c r="G16" s="564"/>
    </row>
    <row r="17" spans="1:7" s="73" customFormat="1" ht="10.5" x14ac:dyDescent="0.2">
      <c r="A17" s="227" t="s">
        <v>772</v>
      </c>
      <c r="B17" s="340">
        <v>1188473.26</v>
      </c>
      <c r="C17" s="340">
        <v>97720106.319999993</v>
      </c>
      <c r="D17" s="340">
        <v>3499130.98</v>
      </c>
      <c r="E17" s="573">
        <v>38056933.439999998</v>
      </c>
      <c r="F17" s="340">
        <v>41096130.590000004</v>
      </c>
      <c r="G17" s="509">
        <v>19755515.549999997</v>
      </c>
    </row>
    <row r="18" spans="1:7" ht="10.5" x14ac:dyDescent="0.2">
      <c r="A18" s="28"/>
      <c r="B18" s="562"/>
      <c r="C18" s="562"/>
      <c r="D18" s="562"/>
      <c r="E18" s="562"/>
      <c r="F18" s="564"/>
      <c r="G18" s="564"/>
    </row>
    <row r="19" spans="1:7" s="73" customFormat="1" ht="10.5" x14ac:dyDescent="0.2">
      <c r="A19" s="238" t="s">
        <v>773</v>
      </c>
      <c r="B19" s="340">
        <v>0</v>
      </c>
      <c r="C19" s="340">
        <v>0</v>
      </c>
      <c r="D19" s="340">
        <v>0</v>
      </c>
      <c r="E19" s="340">
        <v>0</v>
      </c>
      <c r="F19" s="340">
        <v>0</v>
      </c>
      <c r="G19" s="509">
        <v>0</v>
      </c>
    </row>
    <row r="20" spans="1:7" ht="10.5" x14ac:dyDescent="0.2">
      <c r="A20" s="134" t="s">
        <v>774</v>
      </c>
      <c r="B20" s="340"/>
      <c r="C20" s="574">
        <v>0</v>
      </c>
      <c r="D20" s="574">
        <v>0</v>
      </c>
      <c r="E20" s="574">
        <v>0</v>
      </c>
      <c r="F20" s="575">
        <v>0</v>
      </c>
      <c r="G20" s="509">
        <v>0</v>
      </c>
    </row>
    <row r="21" spans="1:7" ht="10.5" x14ac:dyDescent="0.2">
      <c r="A21" s="134" t="s">
        <v>775</v>
      </c>
      <c r="B21" s="340"/>
      <c r="C21" s="562">
        <v>0</v>
      </c>
      <c r="D21" s="562">
        <v>0</v>
      </c>
      <c r="E21" s="562">
        <v>0</v>
      </c>
      <c r="F21" s="564">
        <v>0</v>
      </c>
      <c r="G21" s="509">
        <v>0</v>
      </c>
    </row>
    <row r="22" spans="1:7" ht="10.5" x14ac:dyDescent="0.2">
      <c r="A22" s="134" t="s">
        <v>776</v>
      </c>
      <c r="B22" s="340"/>
      <c r="C22" s="562">
        <v>0</v>
      </c>
      <c r="D22" s="562">
        <v>0</v>
      </c>
      <c r="E22" s="562">
        <v>0</v>
      </c>
      <c r="F22" s="564">
        <v>0</v>
      </c>
      <c r="G22" s="509">
        <v>0</v>
      </c>
    </row>
    <row r="23" spans="1:7" ht="10.5" x14ac:dyDescent="0.2">
      <c r="A23" s="28"/>
      <c r="B23" s="340"/>
      <c r="C23" s="562"/>
      <c r="D23" s="562"/>
      <c r="E23" s="562"/>
      <c r="F23" s="564"/>
      <c r="G23" s="564"/>
    </row>
    <row r="24" spans="1:7" s="73" customFormat="1" ht="10.5" x14ac:dyDescent="0.2">
      <c r="A24" s="238" t="s">
        <v>777</v>
      </c>
      <c r="B24" s="340">
        <v>0</v>
      </c>
      <c r="C24" s="340">
        <v>8303103.4199999999</v>
      </c>
      <c r="D24" s="340">
        <v>12601.9</v>
      </c>
      <c r="E24" s="340">
        <v>6927876.2700000005</v>
      </c>
      <c r="F24" s="340">
        <v>1155187.6000000001</v>
      </c>
      <c r="G24" s="509">
        <v>220039.54999999935</v>
      </c>
    </row>
    <row r="25" spans="1:7" ht="10.5" x14ac:dyDescent="0.2">
      <c r="A25" s="134" t="s">
        <v>778</v>
      </c>
      <c r="B25" s="340"/>
      <c r="C25" s="562">
        <v>0</v>
      </c>
      <c r="D25" s="562">
        <v>0</v>
      </c>
      <c r="E25" s="562">
        <v>0</v>
      </c>
      <c r="F25" s="564">
        <v>0</v>
      </c>
      <c r="G25" s="564">
        <v>0</v>
      </c>
    </row>
    <row r="26" spans="1:7" s="226" customFormat="1" ht="10.5" x14ac:dyDescent="0.2">
      <c r="A26" s="134" t="s">
        <v>779</v>
      </c>
      <c r="B26" s="340">
        <v>0</v>
      </c>
      <c r="C26" s="562">
        <v>8303103.4199999999</v>
      </c>
      <c r="D26" s="562">
        <v>12601.9</v>
      </c>
      <c r="E26" s="562">
        <v>6927876.2700000005</v>
      </c>
      <c r="F26" s="564">
        <v>1155187.6000000001</v>
      </c>
      <c r="G26" s="564">
        <v>220039.54999999935</v>
      </c>
    </row>
    <row r="27" spans="1:7" s="226" customFormat="1" ht="10.5" x14ac:dyDescent="0.2">
      <c r="A27" s="28"/>
      <c r="B27" s="340"/>
      <c r="C27" s="562"/>
      <c r="D27" s="562"/>
      <c r="E27" s="562"/>
      <c r="F27" s="564"/>
      <c r="G27" s="564"/>
    </row>
    <row r="28" spans="1:7" s="73" customFormat="1" ht="10.5" x14ac:dyDescent="0.2">
      <c r="A28" s="238" t="s">
        <v>230</v>
      </c>
      <c r="B28" s="340">
        <v>0</v>
      </c>
      <c r="C28" s="340">
        <v>5959611.4399999995</v>
      </c>
      <c r="D28" s="340">
        <v>20228.59</v>
      </c>
      <c r="E28" s="340">
        <v>4363354.17</v>
      </c>
      <c r="F28" s="340">
        <v>376168.02</v>
      </c>
      <c r="G28" s="509">
        <v>1220089.2499999998</v>
      </c>
    </row>
    <row r="29" spans="1:7" s="226" customFormat="1" ht="10.5" x14ac:dyDescent="0.2">
      <c r="A29" s="134" t="s">
        <v>780</v>
      </c>
      <c r="B29" s="340"/>
      <c r="C29" s="562">
        <v>4964530.92</v>
      </c>
      <c r="D29" s="562">
        <v>19458.57</v>
      </c>
      <c r="E29" s="562">
        <v>4124796.22</v>
      </c>
      <c r="F29" s="564">
        <v>376125.37</v>
      </c>
      <c r="G29" s="564">
        <v>463609.32999999973</v>
      </c>
    </row>
    <row r="30" spans="1:7" s="226" customFormat="1" ht="10.5" x14ac:dyDescent="0.2">
      <c r="A30" s="134" t="s">
        <v>781</v>
      </c>
      <c r="B30" s="340"/>
      <c r="C30" s="562">
        <v>995080.52</v>
      </c>
      <c r="D30" s="562">
        <v>770.02</v>
      </c>
      <c r="E30" s="562">
        <v>238557.95</v>
      </c>
      <c r="F30" s="564">
        <v>42.65</v>
      </c>
      <c r="G30" s="564">
        <v>756479.92</v>
      </c>
    </row>
    <row r="31" spans="1:7" s="226" customFormat="1" ht="10.5" x14ac:dyDescent="0.2">
      <c r="A31" s="28"/>
      <c r="B31" s="340"/>
      <c r="C31" s="562"/>
      <c r="D31" s="562"/>
      <c r="E31" s="562"/>
      <c r="F31" s="564"/>
      <c r="G31" s="509">
        <v>0</v>
      </c>
    </row>
    <row r="32" spans="1:7" s="73" customFormat="1" ht="10.5" x14ac:dyDescent="0.2">
      <c r="A32" s="238" t="s">
        <v>102</v>
      </c>
      <c r="B32" s="340">
        <v>0</v>
      </c>
      <c r="C32" s="340">
        <v>335264.88</v>
      </c>
      <c r="D32" s="340">
        <v>0</v>
      </c>
      <c r="E32" s="340">
        <v>0</v>
      </c>
      <c r="F32" s="340">
        <v>335264.88</v>
      </c>
      <c r="G32" s="509">
        <v>0</v>
      </c>
    </row>
    <row r="33" spans="1:7" s="226" customFormat="1" ht="10.5" x14ac:dyDescent="0.2">
      <c r="A33" s="238"/>
      <c r="B33" s="340"/>
      <c r="C33" s="562"/>
      <c r="D33" s="562"/>
      <c r="E33" s="562"/>
      <c r="F33" s="564"/>
      <c r="G33" s="509">
        <v>0</v>
      </c>
    </row>
    <row r="34" spans="1:7" s="73" customFormat="1" ht="10.5" x14ac:dyDescent="0.2">
      <c r="A34" s="238" t="s">
        <v>772</v>
      </c>
      <c r="B34" s="340">
        <v>0</v>
      </c>
      <c r="C34" s="340">
        <v>335264.88</v>
      </c>
      <c r="D34" s="340">
        <v>0</v>
      </c>
      <c r="E34" s="340">
        <v>0</v>
      </c>
      <c r="F34" s="509">
        <v>335264.88</v>
      </c>
      <c r="G34" s="509">
        <v>0</v>
      </c>
    </row>
    <row r="35" spans="1:7" s="226" customFormat="1" ht="10.5" x14ac:dyDescent="0.2">
      <c r="A35" s="238"/>
      <c r="B35" s="340"/>
      <c r="C35" s="562"/>
      <c r="D35" s="562"/>
      <c r="E35" s="562"/>
      <c r="F35" s="564"/>
      <c r="G35" s="564"/>
    </row>
    <row r="36" spans="1:7" s="73" customFormat="1" ht="10.5" x14ac:dyDescent="0.2">
      <c r="A36" s="238" t="s">
        <v>773</v>
      </c>
      <c r="B36" s="340">
        <v>0</v>
      </c>
      <c r="C36" s="340">
        <v>0</v>
      </c>
      <c r="D36" s="340">
        <v>0</v>
      </c>
      <c r="E36" s="340">
        <v>0</v>
      </c>
      <c r="F36" s="340">
        <v>0</v>
      </c>
      <c r="G36" s="509">
        <v>0</v>
      </c>
    </row>
    <row r="37" spans="1:7" s="226" customFormat="1" ht="10.5" x14ac:dyDescent="0.2">
      <c r="A37" s="134" t="s">
        <v>774</v>
      </c>
      <c r="B37" s="340"/>
      <c r="C37" s="562"/>
      <c r="D37" s="562"/>
      <c r="E37" s="562"/>
      <c r="F37" s="564"/>
      <c r="G37" s="509">
        <v>0</v>
      </c>
    </row>
    <row r="38" spans="1:7" s="226" customFormat="1" ht="10.5" x14ac:dyDescent="0.2">
      <c r="A38" s="134" t="s">
        <v>775</v>
      </c>
      <c r="B38" s="340"/>
      <c r="C38" s="562"/>
      <c r="D38" s="562"/>
      <c r="E38" s="562"/>
      <c r="F38" s="564"/>
      <c r="G38" s="509">
        <v>0</v>
      </c>
    </row>
    <row r="39" spans="1:7" s="226" customFormat="1" ht="10.5" x14ac:dyDescent="0.2">
      <c r="A39" s="134" t="s">
        <v>776</v>
      </c>
      <c r="B39" s="340"/>
      <c r="C39" s="562"/>
      <c r="D39" s="562"/>
      <c r="E39" s="562"/>
      <c r="F39" s="564"/>
      <c r="G39" s="509">
        <v>0</v>
      </c>
    </row>
    <row r="40" spans="1:7" s="226" customFormat="1" ht="10.5" x14ac:dyDescent="0.2">
      <c r="A40" s="134"/>
      <c r="B40" s="340"/>
      <c r="C40" s="562"/>
      <c r="D40" s="562"/>
      <c r="E40" s="562"/>
      <c r="F40" s="564"/>
      <c r="G40" s="509"/>
    </row>
    <row r="41" spans="1:7" s="73" customFormat="1" ht="10.5" x14ac:dyDescent="0.2">
      <c r="A41" s="238" t="s">
        <v>777</v>
      </c>
      <c r="B41" s="340">
        <v>0</v>
      </c>
      <c r="C41" s="340">
        <v>0</v>
      </c>
      <c r="D41" s="340">
        <v>0</v>
      </c>
      <c r="E41" s="340">
        <v>0</v>
      </c>
      <c r="F41" s="340">
        <v>0</v>
      </c>
      <c r="G41" s="509">
        <v>0</v>
      </c>
    </row>
    <row r="42" spans="1:7" s="226" customFormat="1" ht="10.5" x14ac:dyDescent="0.2">
      <c r="A42" s="134" t="s">
        <v>778</v>
      </c>
      <c r="B42" s="340"/>
      <c r="C42" s="562"/>
      <c r="D42" s="562"/>
      <c r="E42" s="562"/>
      <c r="F42" s="564"/>
      <c r="G42" s="509">
        <v>0</v>
      </c>
    </row>
    <row r="43" spans="1:7" s="226" customFormat="1" ht="10.5" x14ac:dyDescent="0.2">
      <c r="A43" s="134" t="s">
        <v>779</v>
      </c>
      <c r="B43" s="340"/>
      <c r="C43" s="562"/>
      <c r="D43" s="562"/>
      <c r="E43" s="562"/>
      <c r="F43" s="564"/>
      <c r="G43" s="509">
        <v>0</v>
      </c>
    </row>
    <row r="44" spans="1:7" s="226" customFormat="1" ht="10.5" x14ac:dyDescent="0.2">
      <c r="A44" s="134"/>
      <c r="B44" s="340"/>
      <c r="C44" s="562"/>
      <c r="D44" s="562"/>
      <c r="E44" s="562"/>
      <c r="F44" s="564"/>
      <c r="G44" s="509"/>
    </row>
    <row r="45" spans="1:7" s="73" customFormat="1" ht="10.5" x14ac:dyDescent="0.2">
      <c r="A45" s="238" t="s">
        <v>230</v>
      </c>
      <c r="B45" s="340">
        <v>0</v>
      </c>
      <c r="C45" s="340">
        <v>0</v>
      </c>
      <c r="D45" s="340">
        <v>0</v>
      </c>
      <c r="E45" s="340">
        <v>0</v>
      </c>
      <c r="F45" s="340">
        <v>0</v>
      </c>
      <c r="G45" s="509">
        <v>0</v>
      </c>
    </row>
    <row r="46" spans="1:7" s="226" customFormat="1" ht="10.5" x14ac:dyDescent="0.2">
      <c r="A46" s="134" t="s">
        <v>780</v>
      </c>
      <c r="B46" s="562"/>
      <c r="C46" s="562"/>
      <c r="D46" s="562"/>
      <c r="E46" s="562"/>
      <c r="F46" s="564"/>
      <c r="G46" s="509">
        <v>0</v>
      </c>
    </row>
    <row r="47" spans="1:7" ht="15" customHeight="1" x14ac:dyDescent="0.2">
      <c r="A47" s="134" t="s">
        <v>781</v>
      </c>
      <c r="B47" s="562"/>
      <c r="C47" s="562"/>
      <c r="D47" s="562"/>
      <c r="E47" s="562"/>
      <c r="F47" s="564"/>
      <c r="G47" s="509">
        <v>0</v>
      </c>
    </row>
    <row r="48" spans="1:7" ht="15" customHeight="1" x14ac:dyDescent="0.2">
      <c r="A48" s="29" t="s">
        <v>222</v>
      </c>
      <c r="B48" s="466">
        <v>1188473.26</v>
      </c>
      <c r="C48" s="466">
        <v>112318086.05999999</v>
      </c>
      <c r="D48" s="383">
        <v>3531961.4699999997</v>
      </c>
      <c r="E48" s="383">
        <v>49348163.880000003</v>
      </c>
      <c r="F48" s="383">
        <v>42962751.090000011</v>
      </c>
      <c r="G48" s="506">
        <v>21195644.349999998</v>
      </c>
    </row>
    <row r="49" spans="1:7" ht="10.5" x14ac:dyDescent="0.2">
      <c r="A49" s="72"/>
      <c r="B49" s="321"/>
      <c r="C49" s="1"/>
      <c r="D49" s="212"/>
      <c r="E49" s="212"/>
      <c r="F49" s="1"/>
      <c r="G49" s="119"/>
    </row>
    <row r="50" spans="1:7" ht="30" customHeight="1" x14ac:dyDescent="0.2">
      <c r="A50" s="741" t="s">
        <v>213</v>
      </c>
      <c r="B50" s="755" t="s">
        <v>537</v>
      </c>
      <c r="C50" s="757"/>
      <c r="D50" s="757"/>
      <c r="E50" s="757"/>
      <c r="F50" s="756"/>
      <c r="G50" s="753" t="s">
        <v>456</v>
      </c>
    </row>
    <row r="51" spans="1:7" ht="15" customHeight="1" x14ac:dyDescent="0.2">
      <c r="A51" s="744"/>
      <c r="B51" s="690" t="s">
        <v>212</v>
      </c>
      <c r="C51" s="828"/>
      <c r="D51" s="742" t="s">
        <v>218</v>
      </c>
      <c r="E51" s="742" t="s">
        <v>217</v>
      </c>
      <c r="F51" s="829" t="s">
        <v>430</v>
      </c>
      <c r="G51" s="761"/>
    </row>
    <row r="52" spans="1:7" ht="11.25" customHeight="1" x14ac:dyDescent="0.2">
      <c r="A52" s="744"/>
      <c r="B52" s="216" t="s">
        <v>313</v>
      </c>
      <c r="C52" s="217" t="s">
        <v>214</v>
      </c>
      <c r="D52" s="767"/>
      <c r="E52" s="767"/>
      <c r="F52" s="830"/>
      <c r="G52" s="761"/>
    </row>
    <row r="53" spans="1:7" ht="11.25" customHeight="1" x14ac:dyDescent="0.2">
      <c r="A53" s="744"/>
      <c r="B53" s="220" t="s">
        <v>215</v>
      </c>
      <c r="C53" s="220" t="s">
        <v>216</v>
      </c>
      <c r="D53" s="767"/>
      <c r="E53" s="767"/>
      <c r="F53" s="830" t="s">
        <v>117</v>
      </c>
      <c r="G53" s="761"/>
    </row>
    <row r="54" spans="1:7" ht="11.25" customHeight="1" x14ac:dyDescent="0.2">
      <c r="A54" s="745"/>
      <c r="B54" s="218" t="s">
        <v>219</v>
      </c>
      <c r="C54" s="218">
        <v>2014</v>
      </c>
      <c r="D54" s="743"/>
      <c r="E54" s="743"/>
      <c r="F54" s="831"/>
      <c r="G54" s="754"/>
    </row>
    <row r="55" spans="1:7" s="73" customFormat="1" ht="14.25" customHeight="1" x14ac:dyDescent="0.2">
      <c r="A55" s="227" t="s">
        <v>101</v>
      </c>
      <c r="B55" s="340">
        <v>31084643.720000003</v>
      </c>
      <c r="C55" s="340">
        <v>99141210.299999997</v>
      </c>
      <c r="D55" s="340">
        <v>96231916.780000001</v>
      </c>
      <c r="E55" s="340">
        <v>415198.65</v>
      </c>
      <c r="F55" s="340">
        <v>33578738.590000011</v>
      </c>
      <c r="G55" s="341">
        <v>54774382.940000013</v>
      </c>
    </row>
    <row r="56" spans="1:7" s="226" customFormat="1" ht="11.25" customHeight="1" x14ac:dyDescent="0.2">
      <c r="A56" s="28"/>
      <c r="B56" s="340"/>
      <c r="C56" s="529"/>
      <c r="D56" s="529"/>
      <c r="E56" s="529"/>
      <c r="F56" s="529"/>
      <c r="G56" s="488"/>
    </row>
    <row r="57" spans="1:7" s="73" customFormat="1" ht="11.25" customHeight="1" x14ac:dyDescent="0.2">
      <c r="A57" s="227" t="s">
        <v>772</v>
      </c>
      <c r="B57" s="340">
        <v>31084643.720000003</v>
      </c>
      <c r="C57" s="535">
        <v>76589981.140000001</v>
      </c>
      <c r="D57" s="535">
        <v>73685243.319999993</v>
      </c>
      <c r="E57" s="535">
        <v>415198.65</v>
      </c>
      <c r="F57" s="449">
        <v>33574182.890000008</v>
      </c>
      <c r="G57" s="341">
        <v>53329698.440000005</v>
      </c>
    </row>
    <row r="58" spans="1:7" s="226" customFormat="1" ht="11.25" customHeight="1" x14ac:dyDescent="0.2">
      <c r="A58" s="28"/>
      <c r="B58" s="340"/>
      <c r="C58" s="529"/>
      <c r="D58" s="529"/>
      <c r="E58" s="529"/>
      <c r="F58" s="529"/>
      <c r="G58" s="488"/>
    </row>
    <row r="59" spans="1:7" s="73" customFormat="1" ht="11.25" customHeight="1" x14ac:dyDescent="0.2">
      <c r="A59" s="238" t="s">
        <v>773</v>
      </c>
      <c r="B59" s="340">
        <v>0</v>
      </c>
      <c r="C59" s="340">
        <v>4496578.2600000007</v>
      </c>
      <c r="D59" s="340">
        <v>4496578.2600000007</v>
      </c>
      <c r="E59" s="340">
        <v>0</v>
      </c>
      <c r="F59" s="340">
        <v>0</v>
      </c>
      <c r="G59" s="341">
        <v>0</v>
      </c>
    </row>
    <row r="60" spans="1:7" s="226" customFormat="1" ht="11.25" customHeight="1" x14ac:dyDescent="0.2">
      <c r="A60" s="134" t="s">
        <v>774</v>
      </c>
      <c r="B60" s="340"/>
      <c r="C60" s="529"/>
      <c r="D60" s="529"/>
      <c r="E60" s="529"/>
      <c r="F60" s="451">
        <v>0</v>
      </c>
      <c r="G60" s="341">
        <v>0</v>
      </c>
    </row>
    <row r="61" spans="1:7" s="226" customFormat="1" ht="11.25" customHeight="1" x14ac:dyDescent="0.2">
      <c r="A61" s="134" t="s">
        <v>775</v>
      </c>
      <c r="B61" s="340"/>
      <c r="C61" s="529">
        <v>4492853.9800000004</v>
      </c>
      <c r="D61" s="529">
        <v>4492853.9800000004</v>
      </c>
      <c r="E61" s="529"/>
      <c r="F61" s="451">
        <v>0</v>
      </c>
      <c r="G61" s="341">
        <v>0</v>
      </c>
    </row>
    <row r="62" spans="1:7" s="226" customFormat="1" ht="11.25" customHeight="1" x14ac:dyDescent="0.2">
      <c r="A62" s="134" t="s">
        <v>776</v>
      </c>
      <c r="B62" s="340"/>
      <c r="C62" s="529">
        <v>3724.28</v>
      </c>
      <c r="D62" s="529">
        <v>3724.28</v>
      </c>
      <c r="E62" s="529"/>
      <c r="F62" s="451">
        <v>0</v>
      </c>
      <c r="G62" s="341">
        <v>0</v>
      </c>
    </row>
    <row r="63" spans="1:7" s="226" customFormat="1" ht="11.25" customHeight="1" x14ac:dyDescent="0.2">
      <c r="A63" s="28"/>
      <c r="B63" s="340"/>
      <c r="C63" s="529"/>
      <c r="D63" s="529"/>
      <c r="E63" s="529"/>
      <c r="F63" s="529"/>
      <c r="G63" s="488"/>
    </row>
    <row r="64" spans="1:7" s="73" customFormat="1" ht="11.25" customHeight="1" x14ac:dyDescent="0.2">
      <c r="A64" s="238" t="s">
        <v>777</v>
      </c>
      <c r="B64" s="340">
        <v>0</v>
      </c>
      <c r="C64" s="340">
        <v>17939858.209999997</v>
      </c>
      <c r="D64" s="340">
        <v>17935302.509999998</v>
      </c>
      <c r="E64" s="340">
        <v>0</v>
      </c>
      <c r="F64" s="340">
        <v>4555.7000000000116</v>
      </c>
      <c r="G64" s="341">
        <v>224595.24999999936</v>
      </c>
    </row>
    <row r="65" spans="1:7" s="226" customFormat="1" ht="11.25" customHeight="1" x14ac:dyDescent="0.2">
      <c r="A65" s="134" t="s">
        <v>778</v>
      </c>
      <c r="B65" s="340"/>
      <c r="C65" s="529">
        <v>17501177.579999998</v>
      </c>
      <c r="D65" s="529">
        <v>17501155.579999998</v>
      </c>
      <c r="E65" s="529"/>
      <c r="F65" s="451">
        <v>22</v>
      </c>
      <c r="G65" s="488">
        <v>22</v>
      </c>
    </row>
    <row r="66" spans="1:7" s="226" customFormat="1" ht="11.25" customHeight="1" x14ac:dyDescent="0.2">
      <c r="A66" s="134" t="s">
        <v>779</v>
      </c>
      <c r="B66" s="340"/>
      <c r="C66" s="529">
        <v>438680.63</v>
      </c>
      <c r="D66" s="529">
        <v>434146.93</v>
      </c>
      <c r="E66" s="529"/>
      <c r="F66" s="451">
        <v>4533.7000000000116</v>
      </c>
      <c r="G66" s="488">
        <v>224573.24999999936</v>
      </c>
    </row>
    <row r="67" spans="1:7" s="226" customFormat="1" ht="11.25" customHeight="1" x14ac:dyDescent="0.2">
      <c r="A67" s="28"/>
      <c r="B67" s="340"/>
      <c r="C67" s="529"/>
      <c r="D67" s="529"/>
      <c r="E67" s="529"/>
      <c r="F67" s="529"/>
      <c r="G67" s="488"/>
    </row>
    <row r="68" spans="1:7" s="73" customFormat="1" ht="11.25" customHeight="1" x14ac:dyDescent="0.2">
      <c r="A68" s="238" t="s">
        <v>230</v>
      </c>
      <c r="B68" s="340">
        <v>0</v>
      </c>
      <c r="C68" s="340">
        <v>114792.69</v>
      </c>
      <c r="D68" s="340">
        <v>114792.69</v>
      </c>
      <c r="E68" s="340">
        <v>0</v>
      </c>
      <c r="F68" s="340">
        <v>0</v>
      </c>
      <c r="G68" s="341">
        <v>1220089.2499999998</v>
      </c>
    </row>
    <row r="69" spans="1:7" s="226" customFormat="1" ht="11.25" customHeight="1" x14ac:dyDescent="0.2">
      <c r="A69" s="134" t="s">
        <v>780</v>
      </c>
      <c r="B69" s="340"/>
      <c r="C69" s="529">
        <v>114792.69</v>
      </c>
      <c r="D69" s="529">
        <v>114792.69</v>
      </c>
      <c r="E69" s="529"/>
      <c r="F69" s="451">
        <v>0</v>
      </c>
      <c r="G69" s="488">
        <v>463609.32999999973</v>
      </c>
    </row>
    <row r="70" spans="1:7" s="226" customFormat="1" ht="11.25" customHeight="1" x14ac:dyDescent="0.2">
      <c r="A70" s="134" t="s">
        <v>781</v>
      </c>
      <c r="B70" s="340"/>
      <c r="C70" s="529"/>
      <c r="D70" s="529"/>
      <c r="E70" s="529"/>
      <c r="F70" s="451">
        <v>0</v>
      </c>
      <c r="G70" s="488">
        <v>756479.92</v>
      </c>
    </row>
    <row r="71" spans="1:7" s="226" customFormat="1" ht="11.25" customHeight="1" x14ac:dyDescent="0.2">
      <c r="A71" s="28"/>
      <c r="B71" s="340"/>
      <c r="C71" s="529"/>
      <c r="D71" s="529"/>
      <c r="E71" s="529"/>
      <c r="F71" s="529"/>
      <c r="G71" s="488"/>
    </row>
    <row r="72" spans="1:7" s="73" customFormat="1" ht="11.25" customHeight="1" x14ac:dyDescent="0.2">
      <c r="A72" s="238" t="s">
        <v>102</v>
      </c>
      <c r="B72" s="340">
        <v>11832.26</v>
      </c>
      <c r="C72" s="340">
        <v>15166127.09</v>
      </c>
      <c r="D72" s="340">
        <v>13207059.09</v>
      </c>
      <c r="E72" s="340">
        <v>0</v>
      </c>
      <c r="F72" s="340">
        <v>1970900.2599999998</v>
      </c>
      <c r="G72" s="341">
        <v>1970900.2599999998</v>
      </c>
    </row>
    <row r="73" spans="1:7" s="226" customFormat="1" ht="11.25" customHeight="1" x14ac:dyDescent="0.2">
      <c r="A73" s="238"/>
      <c r="B73" s="340"/>
      <c r="C73" s="529"/>
      <c r="D73" s="529"/>
      <c r="E73" s="529"/>
      <c r="F73" s="529"/>
      <c r="G73" s="488"/>
    </row>
    <row r="74" spans="1:7" s="73" customFormat="1" ht="11.25" customHeight="1" x14ac:dyDescent="0.2">
      <c r="A74" s="238" t="s">
        <v>772</v>
      </c>
      <c r="B74" s="340">
        <v>5694.13</v>
      </c>
      <c r="C74" s="535">
        <v>7600020.7199999997</v>
      </c>
      <c r="D74" s="535">
        <v>5640952.7199999997</v>
      </c>
      <c r="E74" s="535"/>
      <c r="F74" s="535">
        <v>1964762.13</v>
      </c>
      <c r="G74" s="341"/>
    </row>
    <row r="75" spans="1:7" s="226" customFormat="1" ht="11.25" customHeight="1" x14ac:dyDescent="0.2">
      <c r="A75" s="238"/>
      <c r="B75" s="340"/>
      <c r="C75" s="529"/>
      <c r="D75" s="529"/>
      <c r="E75" s="529"/>
      <c r="F75" s="529"/>
      <c r="G75" s="488"/>
    </row>
    <row r="76" spans="1:7" s="73" customFormat="1" ht="11.25" customHeight="1" x14ac:dyDescent="0.2">
      <c r="A76" s="238" t="s">
        <v>773</v>
      </c>
      <c r="B76" s="340">
        <v>0</v>
      </c>
      <c r="C76" s="340">
        <v>1310668.42</v>
      </c>
      <c r="D76" s="340">
        <v>1310668.42</v>
      </c>
      <c r="E76" s="340">
        <v>0</v>
      </c>
      <c r="F76" s="340">
        <v>0</v>
      </c>
      <c r="G76" s="341">
        <v>0</v>
      </c>
    </row>
    <row r="77" spans="1:7" s="226" customFormat="1" ht="11.25" customHeight="1" x14ac:dyDescent="0.2">
      <c r="A77" s="134" t="s">
        <v>774</v>
      </c>
      <c r="B77" s="340"/>
      <c r="C77" s="529"/>
      <c r="D77" s="529"/>
      <c r="E77" s="529"/>
      <c r="F77" s="451">
        <v>0</v>
      </c>
      <c r="G77" s="341">
        <v>0</v>
      </c>
    </row>
    <row r="78" spans="1:7" s="226" customFormat="1" ht="11.25" customHeight="1" x14ac:dyDescent="0.2">
      <c r="A78" s="134" t="s">
        <v>775</v>
      </c>
      <c r="B78" s="340"/>
      <c r="C78" s="529">
        <v>1310668.42</v>
      </c>
      <c r="D78" s="529">
        <v>1310668.42</v>
      </c>
      <c r="E78" s="529"/>
      <c r="F78" s="451">
        <v>0</v>
      </c>
      <c r="G78" s="341">
        <v>0</v>
      </c>
    </row>
    <row r="79" spans="1:7" s="226" customFormat="1" ht="11.25" customHeight="1" x14ac:dyDescent="0.2">
      <c r="A79" s="134" t="s">
        <v>776</v>
      </c>
      <c r="B79" s="340"/>
      <c r="C79" s="529"/>
      <c r="D79" s="529"/>
      <c r="E79" s="529"/>
      <c r="F79" s="451">
        <v>0</v>
      </c>
      <c r="G79" s="341">
        <v>0</v>
      </c>
    </row>
    <row r="80" spans="1:7" s="226" customFormat="1" ht="11.25" customHeight="1" x14ac:dyDescent="0.2">
      <c r="A80" s="134"/>
      <c r="B80" s="340"/>
      <c r="C80" s="529"/>
      <c r="D80" s="529"/>
      <c r="E80" s="529"/>
      <c r="F80" s="529"/>
      <c r="G80" s="488"/>
    </row>
    <row r="81" spans="1:7" s="73" customFormat="1" ht="11.25" customHeight="1" x14ac:dyDescent="0.2">
      <c r="A81" s="238" t="s">
        <v>777</v>
      </c>
      <c r="B81" s="340">
        <v>0</v>
      </c>
      <c r="C81" s="340">
        <v>6255437.9500000002</v>
      </c>
      <c r="D81" s="340">
        <v>6255437.9500000002</v>
      </c>
      <c r="E81" s="340">
        <v>0</v>
      </c>
      <c r="F81" s="340">
        <v>0</v>
      </c>
      <c r="G81" s="341">
        <v>0</v>
      </c>
    </row>
    <row r="82" spans="1:7" s="226" customFormat="1" ht="11.25" customHeight="1" x14ac:dyDescent="0.2">
      <c r="A82" s="134" t="s">
        <v>778</v>
      </c>
      <c r="B82" s="340"/>
      <c r="C82" s="529">
        <v>6255437.9500000002</v>
      </c>
      <c r="D82" s="529">
        <v>6255437.9500000002</v>
      </c>
      <c r="E82" s="529"/>
      <c r="F82" s="451">
        <v>0</v>
      </c>
      <c r="G82" s="341">
        <v>0</v>
      </c>
    </row>
    <row r="83" spans="1:7" s="226" customFormat="1" ht="11.25" customHeight="1" x14ac:dyDescent="0.2">
      <c r="A83" s="134" t="s">
        <v>779</v>
      </c>
      <c r="B83" s="340"/>
      <c r="C83" s="529"/>
      <c r="D83" s="529"/>
      <c r="E83" s="529"/>
      <c r="F83" s="451">
        <v>0</v>
      </c>
      <c r="G83" s="341">
        <v>0</v>
      </c>
    </row>
    <row r="84" spans="1:7" s="226" customFormat="1" ht="11.25" customHeight="1" x14ac:dyDescent="0.2">
      <c r="A84" s="134"/>
      <c r="B84" s="340"/>
      <c r="C84" s="529"/>
      <c r="D84" s="529"/>
      <c r="E84" s="529"/>
      <c r="F84" s="529"/>
      <c r="G84" s="488"/>
    </row>
    <row r="85" spans="1:7" s="73" customFormat="1" ht="11.25" customHeight="1" x14ac:dyDescent="0.2">
      <c r="A85" s="238" t="s">
        <v>230</v>
      </c>
      <c r="B85" s="340">
        <v>6138.13</v>
      </c>
      <c r="C85" s="340">
        <v>0</v>
      </c>
      <c r="D85" s="340">
        <v>0</v>
      </c>
      <c r="E85" s="340">
        <v>0</v>
      </c>
      <c r="F85" s="340">
        <v>6138.13</v>
      </c>
      <c r="G85" s="341">
        <v>6138.13</v>
      </c>
    </row>
    <row r="86" spans="1:7" s="226" customFormat="1" ht="11.25" customHeight="1" x14ac:dyDescent="0.2">
      <c r="A86" s="134" t="s">
        <v>780</v>
      </c>
      <c r="B86" s="340">
        <v>6138.13</v>
      </c>
      <c r="C86" s="529"/>
      <c r="D86" s="529"/>
      <c r="E86" s="529"/>
      <c r="F86" s="451">
        <v>6138.13</v>
      </c>
      <c r="G86" s="488">
        <v>6138.13</v>
      </c>
    </row>
    <row r="87" spans="1:7" s="226" customFormat="1" ht="14.25" customHeight="1" x14ac:dyDescent="0.2">
      <c r="A87" s="134" t="s">
        <v>781</v>
      </c>
      <c r="B87" s="340"/>
      <c r="C87" s="529"/>
      <c r="D87" s="529"/>
      <c r="E87" s="529"/>
      <c r="F87" s="451">
        <v>0</v>
      </c>
      <c r="G87" s="488">
        <v>0</v>
      </c>
    </row>
    <row r="88" spans="1:7" s="73" customFormat="1" ht="15" customHeight="1" x14ac:dyDescent="0.2">
      <c r="A88" s="29" t="s">
        <v>222</v>
      </c>
      <c r="B88" s="466">
        <v>31096475.980000004</v>
      </c>
      <c r="C88" s="466">
        <v>114307337.39</v>
      </c>
      <c r="D88" s="466">
        <v>109438975.87</v>
      </c>
      <c r="E88" s="466">
        <v>415198.65</v>
      </c>
      <c r="F88" s="466">
        <v>35549638.850000009</v>
      </c>
      <c r="G88" s="466">
        <v>56745283.20000001</v>
      </c>
    </row>
    <row r="89" spans="1:7" ht="11.25" customHeight="1" x14ac:dyDescent="0.2">
      <c r="A89" s="51" t="s">
        <v>865</v>
      </c>
      <c r="G89" s="314"/>
    </row>
    <row r="92" spans="1:7" s="283" customFormat="1" ht="11.25" customHeight="1" x14ac:dyDescent="0.2">
      <c r="A92" s="51"/>
      <c r="B92" s="51"/>
      <c r="C92" s="51"/>
      <c r="D92" s="51"/>
      <c r="E92" s="51"/>
      <c r="F92" s="51"/>
      <c r="G92" s="51"/>
    </row>
    <row r="93" spans="1:7" s="283" customFormat="1" ht="11.25" customHeight="1" x14ac:dyDescent="0.2">
      <c r="A93" s="51"/>
      <c r="B93" s="51"/>
      <c r="C93" s="51"/>
      <c r="D93" s="51"/>
      <c r="E93" s="51"/>
      <c r="F93" s="51"/>
      <c r="G93" s="51"/>
    </row>
    <row r="98" s="51" customFormat="1" ht="11.25" customHeight="1" x14ac:dyDescent="0.2"/>
    <row r="99" s="51" customFormat="1" ht="11.25" customHeight="1" x14ac:dyDescent="0.2"/>
    <row r="100" s="51" customFormat="1" ht="11.25" customHeight="1" x14ac:dyDescent="0.2"/>
    <row r="101" s="51" customFormat="1" ht="11.25" customHeight="1" x14ac:dyDescent="0.2"/>
    <row r="102" s="51" customFormat="1" ht="11.25" customHeight="1" x14ac:dyDescent="0.2"/>
    <row r="103" s="51" customFormat="1" ht="11.25" customHeight="1" x14ac:dyDescent="0.2"/>
    <row r="104"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82EDB5A4-4824-4632-A540-7A52C92F04C7}" showPageBreaks="1" showGridLines="0" fitToPage="1" printArea="1" topLeftCell="A10">
      <selection activeCell="F88" sqref="F88"/>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6DBFA32C-4AA4-4E1D-9A48-697377C64CC3}" showGridLines="0" fitToPage="1" topLeftCell="A10">
      <selection activeCell="F88" sqref="F88"/>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25EF1E0D-169B-4051-B414-7E1196FC05E4}" showGridLines="0" fitToPage="1" topLeftCell="A7">
      <selection activeCell="D48" sqref="D48"/>
      <pageMargins left="0.19685039370078741" right="0.19685039370078741" top="0.19685039370078741" bottom="0.19685039370078741" header="0" footer="0"/>
      <printOptions horizontalCentered="1"/>
      <pageSetup paperSize="9" scale="60" orientation="portrait" horizontalDpi="300" verticalDpi="300" r:id="rId4"/>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3AAF6A5F-F9AA-430B-9AD9-1261ECDF41B5}" showPageBreaks="1" showGridLines="0" fitToPage="1" printArea="1">
      <selection activeCell="F88" sqref="F88"/>
      <pageMargins left="0.19685039370078741" right="0.19685039370078741" top="0.59055118110236227" bottom="0.19685039370078741" header="0" footer="0"/>
      <printOptions horizontalCentered="1"/>
      <pageSetup paperSize="9" scale="60" orientation="portrait" r:id="rId7"/>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1"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197"/>
  <sheetViews>
    <sheetView showGridLines="0" zoomScaleNormal="100" workbookViewId="0"/>
  </sheetViews>
  <sheetFormatPr defaultRowHeight="11.25" customHeight="1" x14ac:dyDescent="0.2"/>
  <cols>
    <col min="1" max="1" width="80.7109375" style="293" customWidth="1"/>
    <col min="2" max="2" width="19" style="90" customWidth="1"/>
    <col min="3" max="4" width="19" style="90" bestFit="1" customWidth="1"/>
    <col min="5" max="5" width="15.85546875" style="90" customWidth="1"/>
    <col min="6" max="6" width="19" style="90" bestFit="1" customWidth="1"/>
    <col min="7" max="7" width="15.85546875" style="90" customWidth="1"/>
    <col min="8" max="8" width="16.7109375" style="90" customWidth="1"/>
    <col min="9" max="16384" width="9.140625" style="90"/>
  </cols>
  <sheetData>
    <row r="1" spans="1:8" s="145" customFormat="1" ht="10.5" x14ac:dyDescent="0.2">
      <c r="A1" s="471" t="s">
        <v>860</v>
      </c>
      <c r="B1" s="142"/>
      <c r="C1" s="142"/>
      <c r="D1" s="142"/>
      <c r="E1" s="142"/>
      <c r="F1" s="142"/>
      <c r="G1" s="142"/>
      <c r="H1" s="142"/>
    </row>
    <row r="2" spans="1:8" s="145" customFormat="1" ht="10.5" x14ac:dyDescent="0.2">
      <c r="A2" s="288"/>
      <c r="B2" s="142"/>
      <c r="C2" s="142"/>
      <c r="D2" s="142"/>
      <c r="E2" s="142"/>
      <c r="F2" s="142"/>
    </row>
    <row r="3" spans="1:8" s="149" customFormat="1" ht="10.5" x14ac:dyDescent="0.2">
      <c r="A3" s="837" t="s">
        <v>641</v>
      </c>
      <c r="B3" s="837"/>
      <c r="C3" s="837"/>
      <c r="D3" s="837"/>
      <c r="E3" s="837"/>
      <c r="F3" s="837"/>
      <c r="G3" s="837"/>
      <c r="H3" s="837"/>
    </row>
    <row r="4" spans="1:8" s="149" customFormat="1" ht="10.5" x14ac:dyDescent="0.2">
      <c r="A4" s="837" t="s">
        <v>105</v>
      </c>
      <c r="B4" s="837"/>
      <c r="C4" s="837"/>
      <c r="D4" s="837"/>
      <c r="E4" s="837"/>
      <c r="F4" s="837"/>
      <c r="G4" s="837"/>
      <c r="H4" s="837"/>
    </row>
    <row r="5" spans="1:8" s="149" customFormat="1" ht="10.5" x14ac:dyDescent="0.2">
      <c r="A5" s="837" t="s">
        <v>231</v>
      </c>
      <c r="B5" s="837"/>
      <c r="C5" s="837"/>
      <c r="D5" s="837"/>
      <c r="E5" s="837"/>
      <c r="F5" s="837"/>
      <c r="G5" s="837"/>
      <c r="H5" s="837"/>
    </row>
    <row r="6" spans="1:8" s="149" customFormat="1" ht="10.5" x14ac:dyDescent="0.2">
      <c r="A6" s="837" t="s">
        <v>107</v>
      </c>
      <c r="B6" s="837"/>
      <c r="C6" s="837"/>
      <c r="D6" s="837"/>
      <c r="E6" s="837"/>
      <c r="F6" s="837"/>
      <c r="G6" s="837"/>
      <c r="H6" s="837"/>
    </row>
    <row r="7" spans="1:8" s="149" customFormat="1" ht="10.5" x14ac:dyDescent="0.2">
      <c r="A7" s="837" t="s">
        <v>872</v>
      </c>
      <c r="B7" s="837"/>
      <c r="C7" s="837"/>
      <c r="D7" s="837"/>
      <c r="E7" s="837"/>
      <c r="F7" s="837"/>
      <c r="G7" s="837"/>
      <c r="H7" s="837"/>
    </row>
    <row r="8" spans="1:8" s="145" customFormat="1" ht="10.5" x14ac:dyDescent="0.2">
      <c r="A8" s="289" t="s">
        <v>620</v>
      </c>
      <c r="B8" s="143"/>
      <c r="C8" s="143"/>
      <c r="D8" s="143"/>
      <c r="E8" s="143"/>
      <c r="F8" s="440"/>
      <c r="H8" s="236">
        <v>1</v>
      </c>
    </row>
    <row r="9" spans="1:8" s="233" customFormat="1" ht="15" customHeight="1" x14ac:dyDescent="0.2">
      <c r="A9" s="838" t="s">
        <v>187</v>
      </c>
      <c r="B9" s="838"/>
      <c r="C9" s="838"/>
      <c r="D9" s="838"/>
      <c r="E9" s="838"/>
      <c r="F9" s="838"/>
      <c r="G9" s="838"/>
      <c r="H9" s="838"/>
    </row>
    <row r="10" spans="1:8" s="233" customFormat="1" ht="15" customHeight="1" x14ac:dyDescent="0.15">
      <c r="A10" s="864" t="s">
        <v>858</v>
      </c>
      <c r="B10" s="841" t="s">
        <v>108</v>
      </c>
      <c r="C10" s="842"/>
      <c r="D10" s="841" t="s">
        <v>108</v>
      </c>
      <c r="E10" s="842"/>
      <c r="F10" s="845" t="s">
        <v>109</v>
      </c>
      <c r="G10" s="838"/>
      <c r="H10" s="838"/>
    </row>
    <row r="11" spans="1:8" s="233" customFormat="1" ht="15" customHeight="1" x14ac:dyDescent="0.2">
      <c r="A11" s="865"/>
      <c r="B11" s="830" t="s">
        <v>111</v>
      </c>
      <c r="C11" s="843"/>
      <c r="D11" s="830" t="s">
        <v>112</v>
      </c>
      <c r="E11" s="843"/>
      <c r="F11" s="829" t="s">
        <v>115</v>
      </c>
      <c r="G11" s="846"/>
      <c r="H11" s="230" t="s">
        <v>114</v>
      </c>
    </row>
    <row r="12" spans="1:8" s="233" customFormat="1" ht="15" customHeight="1" x14ac:dyDescent="0.2">
      <c r="A12" s="425" t="s">
        <v>859</v>
      </c>
      <c r="B12" s="831"/>
      <c r="C12" s="844"/>
      <c r="D12" s="839" t="s">
        <v>116</v>
      </c>
      <c r="E12" s="840"/>
      <c r="F12" s="839" t="s">
        <v>117</v>
      </c>
      <c r="G12" s="840"/>
      <c r="H12" s="434" t="s">
        <v>188</v>
      </c>
    </row>
    <row r="13" spans="1:8" s="233" customFormat="1" ht="14.25" customHeight="1" x14ac:dyDescent="0.2">
      <c r="A13" s="253" t="s">
        <v>189</v>
      </c>
      <c r="B13" s="854">
        <v>7821678000</v>
      </c>
      <c r="C13" s="855"/>
      <c r="D13" s="860">
        <v>7823345421.1700001</v>
      </c>
      <c r="E13" s="861"/>
      <c r="F13" s="860">
        <v>6712114040.8499994</v>
      </c>
      <c r="G13" s="861"/>
      <c r="H13" s="576">
        <v>85.795956582550929</v>
      </c>
    </row>
    <row r="14" spans="1:8" s="233" customFormat="1" ht="21" x14ac:dyDescent="0.2">
      <c r="A14" s="243" t="s">
        <v>369</v>
      </c>
      <c r="B14" s="854">
        <v>6859312000</v>
      </c>
      <c r="C14" s="855"/>
      <c r="D14" s="854">
        <v>6860943258.9099998</v>
      </c>
      <c r="E14" s="855"/>
      <c r="F14" s="854">
        <v>5877095442.5900002</v>
      </c>
      <c r="G14" s="855"/>
      <c r="H14" s="576">
        <v>85.660166843060239</v>
      </c>
    </row>
    <row r="15" spans="1:8" s="20" customFormat="1" ht="10.5" x14ac:dyDescent="0.2">
      <c r="A15" s="290" t="s">
        <v>318</v>
      </c>
      <c r="B15" s="659">
        <v>6742500000</v>
      </c>
      <c r="C15" s="672"/>
      <c r="D15" s="659">
        <v>6742500000</v>
      </c>
      <c r="E15" s="672"/>
      <c r="F15" s="847">
        <v>5788397584.25</v>
      </c>
      <c r="G15" s="851"/>
      <c r="H15" s="576">
        <v>85.84942653689285</v>
      </c>
    </row>
    <row r="16" spans="1:8" s="20" customFormat="1" ht="10.5" x14ac:dyDescent="0.2">
      <c r="A16" s="290" t="s">
        <v>319</v>
      </c>
      <c r="B16" s="659">
        <v>36676000</v>
      </c>
      <c r="C16" s="672"/>
      <c r="D16" s="659">
        <v>36676000</v>
      </c>
      <c r="E16" s="672"/>
      <c r="F16" s="847">
        <v>26373230.170000002</v>
      </c>
      <c r="G16" s="851"/>
      <c r="H16" s="576">
        <v>71.908687343221729</v>
      </c>
    </row>
    <row r="17" spans="1:8" s="20" customFormat="1" ht="10.5" x14ac:dyDescent="0.2">
      <c r="A17" s="290" t="s">
        <v>320</v>
      </c>
      <c r="B17" s="659">
        <v>7445000</v>
      </c>
      <c r="C17" s="672"/>
      <c r="D17" s="659">
        <v>9076258.9100000001</v>
      </c>
      <c r="E17" s="672"/>
      <c r="F17" s="847">
        <v>9076258.9100000001</v>
      </c>
      <c r="G17" s="851"/>
      <c r="H17" s="576">
        <v>100</v>
      </c>
    </row>
    <row r="18" spans="1:8" s="20" customFormat="1" ht="21" x14ac:dyDescent="0.2">
      <c r="A18" s="290" t="s">
        <v>321</v>
      </c>
      <c r="B18" s="854">
        <v>0</v>
      </c>
      <c r="C18" s="855"/>
      <c r="D18" s="659">
        <v>0</v>
      </c>
      <c r="E18" s="672"/>
      <c r="F18" s="854">
        <v>0</v>
      </c>
      <c r="G18" s="855"/>
      <c r="H18" s="576">
        <v>0</v>
      </c>
    </row>
    <row r="19" spans="1:8" s="20" customFormat="1" ht="10.5" x14ac:dyDescent="0.2">
      <c r="A19" s="269" t="s">
        <v>322</v>
      </c>
      <c r="B19" s="665">
        <v>0</v>
      </c>
      <c r="C19" s="676"/>
      <c r="D19" s="659">
        <v>0</v>
      </c>
      <c r="E19" s="672"/>
      <c r="F19" s="854">
        <v>0</v>
      </c>
      <c r="G19" s="855"/>
      <c r="H19" s="576">
        <v>0</v>
      </c>
    </row>
    <row r="20" spans="1:8" s="20" customFormat="1" ht="21" x14ac:dyDescent="0.2">
      <c r="A20" s="269" t="s">
        <v>323</v>
      </c>
      <c r="B20" s="659">
        <v>72691000</v>
      </c>
      <c r="C20" s="672"/>
      <c r="D20" s="659">
        <v>72691000</v>
      </c>
      <c r="E20" s="672"/>
      <c r="F20" s="847">
        <v>53248369.259999998</v>
      </c>
      <c r="G20" s="851"/>
      <c r="H20" s="576">
        <v>73.2530426875404</v>
      </c>
    </row>
    <row r="21" spans="1:8" s="20" customFormat="1" ht="10.5" x14ac:dyDescent="0.2">
      <c r="A21" s="15" t="s">
        <v>324</v>
      </c>
      <c r="B21" s="665">
        <v>0</v>
      </c>
      <c r="C21" s="676"/>
      <c r="D21" s="659">
        <v>0</v>
      </c>
      <c r="E21" s="672"/>
      <c r="F21" s="854">
        <v>0</v>
      </c>
      <c r="G21" s="855"/>
      <c r="H21" s="576">
        <v>0</v>
      </c>
    </row>
    <row r="22" spans="1:8" s="233" customFormat="1" ht="21" x14ac:dyDescent="0.2">
      <c r="A22" s="243" t="s">
        <v>325</v>
      </c>
      <c r="B22" s="854">
        <v>108031000</v>
      </c>
      <c r="C22" s="855"/>
      <c r="D22" s="854">
        <v>108031000</v>
      </c>
      <c r="E22" s="855"/>
      <c r="F22" s="854">
        <v>79304598.86999999</v>
      </c>
      <c r="G22" s="855"/>
      <c r="H22" s="576">
        <v>73.409113004600528</v>
      </c>
    </row>
    <row r="23" spans="1:8" s="20" customFormat="1" ht="10.5" x14ac:dyDescent="0.2">
      <c r="A23" s="290" t="s">
        <v>326</v>
      </c>
      <c r="B23" s="847">
        <v>105800000</v>
      </c>
      <c r="C23" s="851"/>
      <c r="D23" s="659">
        <v>105800000</v>
      </c>
      <c r="E23" s="672"/>
      <c r="F23" s="847">
        <v>79121866.569999993</v>
      </c>
      <c r="G23" s="851"/>
      <c r="H23" s="576">
        <v>74.784372939508501</v>
      </c>
    </row>
    <row r="24" spans="1:8" s="20" customFormat="1" ht="10.5" x14ac:dyDescent="0.2">
      <c r="A24" s="290" t="s">
        <v>327</v>
      </c>
      <c r="B24" s="847">
        <v>2231000</v>
      </c>
      <c r="C24" s="851"/>
      <c r="D24" s="659">
        <v>2231000</v>
      </c>
      <c r="E24" s="672"/>
      <c r="F24" s="847">
        <v>182732.3</v>
      </c>
      <c r="G24" s="851"/>
      <c r="H24" s="576">
        <v>8.1906006275212899</v>
      </c>
    </row>
    <row r="25" spans="1:8" s="20" customFormat="1" ht="10.5" x14ac:dyDescent="0.2">
      <c r="A25" s="290" t="s">
        <v>328</v>
      </c>
      <c r="B25" s="854">
        <v>0</v>
      </c>
      <c r="C25" s="855"/>
      <c r="D25" s="659">
        <v>0</v>
      </c>
      <c r="E25" s="672"/>
      <c r="F25" s="854">
        <v>0</v>
      </c>
      <c r="G25" s="855"/>
      <c r="H25" s="576">
        <v>0</v>
      </c>
    </row>
    <row r="26" spans="1:8" s="20" customFormat="1" ht="21" x14ac:dyDescent="0.2">
      <c r="A26" s="290" t="s">
        <v>329</v>
      </c>
      <c r="B26" s="854">
        <v>0</v>
      </c>
      <c r="C26" s="855"/>
      <c r="D26" s="659">
        <v>0</v>
      </c>
      <c r="E26" s="672"/>
      <c r="F26" s="854">
        <v>0</v>
      </c>
      <c r="G26" s="855"/>
      <c r="H26" s="576">
        <v>0</v>
      </c>
    </row>
    <row r="27" spans="1:8" s="20" customFormat="1" ht="10.5" x14ac:dyDescent="0.2">
      <c r="A27" s="273" t="s">
        <v>334</v>
      </c>
      <c r="B27" s="854">
        <v>0</v>
      </c>
      <c r="C27" s="855"/>
      <c r="D27" s="659">
        <v>0</v>
      </c>
      <c r="E27" s="672"/>
      <c r="F27" s="854">
        <v>0</v>
      </c>
      <c r="G27" s="855"/>
      <c r="H27" s="576">
        <v>0</v>
      </c>
    </row>
    <row r="28" spans="1:8" s="233" customFormat="1" ht="21" x14ac:dyDescent="0.2">
      <c r="A28" s="243" t="s">
        <v>338</v>
      </c>
      <c r="B28" s="854">
        <v>343935000</v>
      </c>
      <c r="C28" s="855"/>
      <c r="D28" s="854">
        <v>343971162.25999999</v>
      </c>
      <c r="E28" s="855"/>
      <c r="F28" s="854">
        <v>328420400.81999999</v>
      </c>
      <c r="G28" s="855"/>
      <c r="H28" s="576">
        <v>95.479050819892421</v>
      </c>
    </row>
    <row r="29" spans="1:8" s="20" customFormat="1" ht="10.5" x14ac:dyDescent="0.2">
      <c r="A29" s="290" t="s">
        <v>330</v>
      </c>
      <c r="B29" s="847">
        <v>329900000</v>
      </c>
      <c r="C29" s="851"/>
      <c r="D29" s="659">
        <v>329900000</v>
      </c>
      <c r="E29" s="672"/>
      <c r="F29" s="847">
        <v>317158058.64999998</v>
      </c>
      <c r="G29" s="851"/>
      <c r="H29" s="576">
        <v>96.137635237950889</v>
      </c>
    </row>
    <row r="30" spans="1:8" s="20" customFormat="1" ht="10.5" x14ac:dyDescent="0.2">
      <c r="A30" s="290" t="s">
        <v>331</v>
      </c>
      <c r="B30" s="847">
        <v>14003000</v>
      </c>
      <c r="C30" s="851"/>
      <c r="D30" s="659">
        <v>14003000</v>
      </c>
      <c r="E30" s="672"/>
      <c r="F30" s="847">
        <v>11194179.91</v>
      </c>
      <c r="G30" s="851"/>
      <c r="H30" s="576">
        <v>79.941297650503458</v>
      </c>
    </row>
    <row r="31" spans="1:8" s="20" customFormat="1" ht="10.5" x14ac:dyDescent="0.2">
      <c r="A31" s="290" t="s">
        <v>332</v>
      </c>
      <c r="B31" s="847">
        <v>32000</v>
      </c>
      <c r="C31" s="851"/>
      <c r="D31" s="659">
        <v>68162.259999999995</v>
      </c>
      <c r="E31" s="672"/>
      <c r="F31" s="847">
        <v>68162.259999999995</v>
      </c>
      <c r="G31" s="851"/>
      <c r="H31" s="576">
        <v>100</v>
      </c>
    </row>
    <row r="32" spans="1:8" s="20" customFormat="1" ht="21" x14ac:dyDescent="0.2">
      <c r="A32" s="290" t="s">
        <v>333</v>
      </c>
      <c r="B32" s="854">
        <v>0</v>
      </c>
      <c r="C32" s="855"/>
      <c r="D32" s="659">
        <v>0</v>
      </c>
      <c r="E32" s="672"/>
      <c r="F32" s="854">
        <v>0</v>
      </c>
      <c r="G32" s="855"/>
      <c r="H32" s="576">
        <v>0</v>
      </c>
    </row>
    <row r="33" spans="1:8" s="20" customFormat="1" ht="10.5" x14ac:dyDescent="0.2">
      <c r="A33" s="273" t="s">
        <v>335</v>
      </c>
      <c r="B33" s="854">
        <v>0</v>
      </c>
      <c r="C33" s="855"/>
      <c r="D33" s="659">
        <v>0</v>
      </c>
      <c r="E33" s="672"/>
      <c r="F33" s="854">
        <v>0</v>
      </c>
      <c r="G33" s="855"/>
      <c r="H33" s="576">
        <v>0</v>
      </c>
    </row>
    <row r="34" spans="1:8" s="233" customFormat="1" ht="21" x14ac:dyDescent="0.2">
      <c r="A34" s="243" t="s">
        <v>339</v>
      </c>
      <c r="B34" s="854">
        <v>510400000</v>
      </c>
      <c r="C34" s="855"/>
      <c r="D34" s="854">
        <v>510400000</v>
      </c>
      <c r="E34" s="855"/>
      <c r="F34" s="854">
        <v>427293598.56999999</v>
      </c>
      <c r="G34" s="855"/>
      <c r="H34" s="576">
        <v>83.717397838949836</v>
      </c>
    </row>
    <row r="35" spans="1:8" s="20" customFormat="1" ht="10.5" x14ac:dyDescent="0.2">
      <c r="A35" s="290" t="s">
        <v>337</v>
      </c>
      <c r="B35" s="847">
        <v>510400000</v>
      </c>
      <c r="C35" s="851"/>
      <c r="D35" s="659">
        <v>510400000</v>
      </c>
      <c r="E35" s="672"/>
      <c r="F35" s="847">
        <v>427293598.56999999</v>
      </c>
      <c r="G35" s="851"/>
      <c r="H35" s="576">
        <v>83.717397838949836</v>
      </c>
    </row>
    <row r="36" spans="1:8" s="20" customFormat="1" ht="10.5" x14ac:dyDescent="0.2">
      <c r="A36" s="290" t="s">
        <v>457</v>
      </c>
      <c r="B36" s="854">
        <v>0</v>
      </c>
      <c r="C36" s="855"/>
      <c r="D36" s="659">
        <v>0</v>
      </c>
      <c r="E36" s="672"/>
      <c r="F36" s="854">
        <v>0</v>
      </c>
      <c r="G36" s="855"/>
      <c r="H36" s="576">
        <v>0</v>
      </c>
    </row>
    <row r="37" spans="1:8" s="20" customFormat="1" ht="10.5" x14ac:dyDescent="0.2">
      <c r="A37" s="290" t="s">
        <v>458</v>
      </c>
      <c r="B37" s="854">
        <v>0</v>
      </c>
      <c r="C37" s="855"/>
      <c r="D37" s="659">
        <v>0</v>
      </c>
      <c r="E37" s="672"/>
      <c r="F37" s="854">
        <v>0</v>
      </c>
      <c r="G37" s="855"/>
      <c r="H37" s="576">
        <v>0</v>
      </c>
    </row>
    <row r="38" spans="1:8" s="20" customFormat="1" ht="21" x14ac:dyDescent="0.2">
      <c r="A38" s="290" t="s">
        <v>459</v>
      </c>
      <c r="B38" s="854">
        <v>0</v>
      </c>
      <c r="C38" s="855"/>
      <c r="D38" s="659">
        <v>0</v>
      </c>
      <c r="E38" s="672"/>
      <c r="F38" s="854">
        <v>0</v>
      </c>
      <c r="G38" s="855"/>
      <c r="H38" s="576">
        <v>0</v>
      </c>
    </row>
    <row r="39" spans="1:8" s="20" customFormat="1" ht="10.5" x14ac:dyDescent="0.2">
      <c r="A39" s="273" t="s">
        <v>336</v>
      </c>
      <c r="B39" s="854">
        <v>0</v>
      </c>
      <c r="C39" s="855"/>
      <c r="D39" s="659">
        <v>0</v>
      </c>
      <c r="E39" s="672"/>
      <c r="F39" s="854">
        <v>0</v>
      </c>
      <c r="G39" s="855"/>
      <c r="H39" s="576">
        <v>0</v>
      </c>
    </row>
    <row r="40" spans="1:8" s="233" customFormat="1" ht="10.5" x14ac:dyDescent="0.2">
      <c r="A40" s="243" t="s">
        <v>340</v>
      </c>
      <c r="B40" s="854">
        <v>1158800000</v>
      </c>
      <c r="C40" s="855"/>
      <c r="D40" s="854">
        <v>1164869040.4400001</v>
      </c>
      <c r="E40" s="855"/>
      <c r="F40" s="854">
        <v>931454997.08999991</v>
      </c>
      <c r="G40" s="855"/>
      <c r="H40" s="576">
        <v>79.962207317156114</v>
      </c>
    </row>
    <row r="41" spans="1:8" s="20" customFormat="1" ht="10.5" x14ac:dyDescent="0.2">
      <c r="A41" s="115" t="s">
        <v>190</v>
      </c>
      <c r="B41" s="847">
        <v>1070500000</v>
      </c>
      <c r="C41" s="851"/>
      <c r="D41" s="659">
        <v>1070500000</v>
      </c>
      <c r="E41" s="672"/>
      <c r="F41" s="847">
        <v>840138659.75999999</v>
      </c>
      <c r="G41" s="851"/>
      <c r="H41" s="576">
        <v>78.480958408220459</v>
      </c>
    </row>
    <row r="42" spans="1:8" s="20" customFormat="1" ht="10.5" x14ac:dyDescent="0.2">
      <c r="A42" s="115" t="s">
        <v>191</v>
      </c>
      <c r="B42" s="847">
        <v>18100000</v>
      </c>
      <c r="C42" s="851"/>
      <c r="D42" s="659">
        <v>18100000</v>
      </c>
      <c r="E42" s="672"/>
      <c r="F42" s="847">
        <v>15047296.890000001</v>
      </c>
      <c r="G42" s="851"/>
      <c r="H42" s="576">
        <v>83.134236961325968</v>
      </c>
    </row>
    <row r="43" spans="1:8" s="20" customFormat="1" ht="10.5" x14ac:dyDescent="0.2">
      <c r="A43" s="290" t="s">
        <v>192</v>
      </c>
      <c r="B43" s="847">
        <v>70200000</v>
      </c>
      <c r="C43" s="851"/>
      <c r="D43" s="659">
        <v>76269040.439999998</v>
      </c>
      <c r="E43" s="672"/>
      <c r="F43" s="847">
        <v>76269040.439999998</v>
      </c>
      <c r="G43" s="851"/>
      <c r="H43" s="576">
        <v>100</v>
      </c>
    </row>
    <row r="44" spans="1:8" s="20" customFormat="1" ht="10.5" x14ac:dyDescent="0.2">
      <c r="A44" s="290" t="s">
        <v>193</v>
      </c>
      <c r="B44" s="847">
        <v>0</v>
      </c>
      <c r="C44" s="851"/>
      <c r="D44" s="659">
        <v>0</v>
      </c>
      <c r="E44" s="672"/>
      <c r="F44" s="854">
        <v>0</v>
      </c>
      <c r="G44" s="855"/>
      <c r="H44" s="576">
        <v>0</v>
      </c>
    </row>
    <row r="45" spans="1:8" s="241" customFormat="1" ht="15" customHeight="1" x14ac:dyDescent="0.2">
      <c r="A45" s="291" t="s">
        <v>460</v>
      </c>
      <c r="B45" s="899">
        <v>8980478000</v>
      </c>
      <c r="C45" s="900"/>
      <c r="D45" s="899">
        <v>8988214461.6100006</v>
      </c>
      <c r="E45" s="900"/>
      <c r="F45" s="899">
        <v>7643569037.9399996</v>
      </c>
      <c r="G45" s="900"/>
      <c r="H45" s="470">
        <v>85.039904984319392</v>
      </c>
    </row>
    <row r="46" spans="1:8" s="233" customFormat="1" ht="15" customHeight="1" x14ac:dyDescent="0.15">
      <c r="A46" s="864" t="s">
        <v>194</v>
      </c>
      <c r="B46" s="841" t="s">
        <v>108</v>
      </c>
      <c r="C46" s="842"/>
      <c r="D46" s="829" t="s">
        <v>108</v>
      </c>
      <c r="E46" s="846"/>
      <c r="F46" s="845" t="s">
        <v>109</v>
      </c>
      <c r="G46" s="838"/>
      <c r="H46" s="838"/>
    </row>
    <row r="47" spans="1:8" s="233" customFormat="1" ht="15" customHeight="1" x14ac:dyDescent="0.2">
      <c r="A47" s="865"/>
      <c r="B47" s="830" t="s">
        <v>111</v>
      </c>
      <c r="C47" s="843"/>
      <c r="D47" s="830" t="s">
        <v>112</v>
      </c>
      <c r="E47" s="843"/>
      <c r="F47" s="829" t="s">
        <v>115</v>
      </c>
      <c r="G47" s="846"/>
      <c r="H47" s="230" t="s">
        <v>114</v>
      </c>
    </row>
    <row r="48" spans="1:8" s="233" customFormat="1" ht="15" customHeight="1" x14ac:dyDescent="0.2">
      <c r="A48" s="866"/>
      <c r="B48" s="831"/>
      <c r="C48" s="844"/>
      <c r="D48" s="831" t="s">
        <v>116</v>
      </c>
      <c r="E48" s="844"/>
      <c r="F48" s="831" t="s">
        <v>117</v>
      </c>
      <c r="G48" s="844"/>
      <c r="H48" s="231" t="s">
        <v>188</v>
      </c>
    </row>
    <row r="49" spans="1:8" s="20" customFormat="1" ht="10.5" x14ac:dyDescent="0.2">
      <c r="A49" s="270" t="s">
        <v>461</v>
      </c>
      <c r="B49" s="721">
        <v>1696655250</v>
      </c>
      <c r="C49" s="800"/>
      <c r="D49" s="721">
        <v>1697063064.7275</v>
      </c>
      <c r="E49" s="800"/>
      <c r="F49" s="721">
        <v>1455961768.3325</v>
      </c>
      <c r="G49" s="800"/>
      <c r="H49" s="577">
        <v>85.793026705597768</v>
      </c>
    </row>
    <row r="50" spans="1:8" s="20" customFormat="1" ht="10.5" x14ac:dyDescent="0.2">
      <c r="A50" s="270" t="s">
        <v>462</v>
      </c>
      <c r="B50" s="659">
        <v>171967500</v>
      </c>
      <c r="C50" s="672"/>
      <c r="D50" s="659">
        <v>171985581.13</v>
      </c>
      <c r="E50" s="672"/>
      <c r="F50" s="659">
        <v>164210200.41</v>
      </c>
      <c r="G50" s="672"/>
      <c r="H50" s="578">
        <v>95.479050819892421</v>
      </c>
    </row>
    <row r="51" spans="1:8" s="20" customFormat="1" ht="15.75" customHeight="1" x14ac:dyDescent="0.2">
      <c r="A51" s="270" t="s">
        <v>463</v>
      </c>
      <c r="B51" s="659">
        <v>17550000</v>
      </c>
      <c r="C51" s="672"/>
      <c r="D51" s="659">
        <v>19067260.109999999</v>
      </c>
      <c r="E51" s="672"/>
      <c r="F51" s="659">
        <v>19067260.109999999</v>
      </c>
      <c r="G51" s="672"/>
      <c r="H51" s="578">
        <v>100</v>
      </c>
    </row>
    <row r="52" spans="1:8" s="20" customFormat="1" ht="15" customHeight="1" x14ac:dyDescent="0.2">
      <c r="A52" s="477" t="s">
        <v>464</v>
      </c>
      <c r="B52" s="901">
        <v>1886172750</v>
      </c>
      <c r="C52" s="902"/>
      <c r="D52" s="901">
        <v>1888115905.9675</v>
      </c>
      <c r="E52" s="902"/>
      <c r="F52" s="901">
        <v>1639239228.8525</v>
      </c>
      <c r="G52" s="902"/>
      <c r="H52" s="579">
        <v>86.818781816920733</v>
      </c>
    </row>
    <row r="53" spans="1:8" s="233" customFormat="1" ht="15" customHeight="1" x14ac:dyDescent="0.2">
      <c r="A53" s="245" t="s">
        <v>465</v>
      </c>
      <c r="B53" s="899">
        <v>7094305250</v>
      </c>
      <c r="C53" s="900"/>
      <c r="D53" s="899">
        <v>7100098555.6425009</v>
      </c>
      <c r="E53" s="900"/>
      <c r="F53" s="899">
        <v>6004329809.0874996</v>
      </c>
      <c r="G53" s="900"/>
      <c r="H53" s="470">
        <v>84.566851601176921</v>
      </c>
    </row>
    <row r="54" spans="1:8" s="233" customFormat="1" ht="15" customHeight="1" x14ac:dyDescent="0.2">
      <c r="A54" s="864" t="s">
        <v>861</v>
      </c>
      <c r="B54" s="829" t="s">
        <v>108</v>
      </c>
      <c r="C54" s="846"/>
      <c r="D54" s="829" t="s">
        <v>108</v>
      </c>
      <c r="E54" s="846"/>
      <c r="F54" s="845" t="s">
        <v>109</v>
      </c>
      <c r="G54" s="838"/>
      <c r="H54" s="838"/>
    </row>
    <row r="55" spans="1:8" s="233" customFormat="1" ht="15" customHeight="1" x14ac:dyDescent="0.2">
      <c r="A55" s="865"/>
      <c r="B55" s="830" t="s">
        <v>111</v>
      </c>
      <c r="C55" s="843"/>
      <c r="D55" s="830" t="s">
        <v>112</v>
      </c>
      <c r="E55" s="843"/>
      <c r="F55" s="829" t="s">
        <v>115</v>
      </c>
      <c r="G55" s="846"/>
      <c r="H55" s="230" t="s">
        <v>114</v>
      </c>
    </row>
    <row r="56" spans="1:8" s="233" customFormat="1" ht="15" customHeight="1" x14ac:dyDescent="0.2">
      <c r="A56" s="866"/>
      <c r="B56" s="831"/>
      <c r="C56" s="844"/>
      <c r="D56" s="831" t="s">
        <v>116</v>
      </c>
      <c r="E56" s="844"/>
      <c r="F56" s="831" t="s">
        <v>117</v>
      </c>
      <c r="G56" s="844"/>
      <c r="H56" s="231" t="s">
        <v>188</v>
      </c>
    </row>
    <row r="57" spans="1:8" s="233" customFormat="1" ht="21" x14ac:dyDescent="0.2">
      <c r="A57" s="278" t="s">
        <v>466</v>
      </c>
      <c r="B57" s="854">
        <v>0</v>
      </c>
      <c r="C57" s="855"/>
      <c r="D57" s="659">
        <v>0</v>
      </c>
      <c r="E57" s="672"/>
      <c r="F57" s="854">
        <v>0</v>
      </c>
      <c r="G57" s="855"/>
      <c r="H57" s="580">
        <v>0</v>
      </c>
    </row>
    <row r="58" spans="1:8" s="233" customFormat="1" ht="10.5" x14ac:dyDescent="0.2">
      <c r="A58" s="278" t="s">
        <v>467</v>
      </c>
      <c r="B58" s="665">
        <v>47811000</v>
      </c>
      <c r="C58" s="676"/>
      <c r="D58" s="665">
        <v>66786483.229999997</v>
      </c>
      <c r="E58" s="676"/>
      <c r="F58" s="665">
        <v>62347475.220000006</v>
      </c>
      <c r="G58" s="676"/>
      <c r="H58" s="579">
        <v>93.353433516310645</v>
      </c>
    </row>
    <row r="59" spans="1:8" s="20" customFormat="1" ht="10.5" x14ac:dyDescent="0.2">
      <c r="A59" s="270" t="s">
        <v>468</v>
      </c>
      <c r="B59" s="847">
        <v>47811000</v>
      </c>
      <c r="C59" s="851"/>
      <c r="D59" s="659">
        <v>47811000</v>
      </c>
      <c r="E59" s="672"/>
      <c r="F59" s="847">
        <v>43371991.990000002</v>
      </c>
      <c r="G59" s="851"/>
      <c r="H59" s="578">
        <v>90.715508962372681</v>
      </c>
    </row>
    <row r="60" spans="1:8" s="20" customFormat="1" ht="10.5" x14ac:dyDescent="0.2">
      <c r="A60" s="270" t="s">
        <v>469</v>
      </c>
      <c r="B60" s="854">
        <v>0</v>
      </c>
      <c r="C60" s="855"/>
      <c r="D60" s="659">
        <v>0</v>
      </c>
      <c r="E60" s="672"/>
      <c r="F60" s="854">
        <v>0</v>
      </c>
      <c r="G60" s="855"/>
      <c r="H60" s="578">
        <v>0</v>
      </c>
    </row>
    <row r="61" spans="1:8" s="20" customFormat="1" ht="10.5" x14ac:dyDescent="0.2">
      <c r="A61" s="270" t="s">
        <v>470</v>
      </c>
      <c r="B61" s="854">
        <v>0</v>
      </c>
      <c r="C61" s="855"/>
      <c r="D61" s="659">
        <v>13426300.800000001</v>
      </c>
      <c r="E61" s="672"/>
      <c r="F61" s="847">
        <v>13426300.800000001</v>
      </c>
      <c r="G61" s="851"/>
      <c r="H61" s="578">
        <v>100</v>
      </c>
    </row>
    <row r="62" spans="1:8" s="20" customFormat="1" ht="10.5" x14ac:dyDescent="0.2">
      <c r="A62" s="270" t="s">
        <v>471</v>
      </c>
      <c r="B62" s="854">
        <v>0</v>
      </c>
      <c r="C62" s="855"/>
      <c r="D62" s="659">
        <v>20547.189999999999</v>
      </c>
      <c r="E62" s="672"/>
      <c r="F62" s="847">
        <v>20547.189999999999</v>
      </c>
      <c r="G62" s="851"/>
      <c r="H62" s="578">
        <v>100</v>
      </c>
    </row>
    <row r="63" spans="1:8" s="20" customFormat="1" ht="10.5" x14ac:dyDescent="0.2">
      <c r="A63" s="270" t="s">
        <v>472</v>
      </c>
      <c r="B63" s="854">
        <v>0</v>
      </c>
      <c r="C63" s="855"/>
      <c r="D63" s="659">
        <v>4766406.45</v>
      </c>
      <c r="E63" s="672"/>
      <c r="F63" s="847">
        <v>4766406.45</v>
      </c>
      <c r="G63" s="851"/>
      <c r="H63" s="578">
        <v>100</v>
      </c>
    </row>
    <row r="64" spans="1:8" s="20" customFormat="1" ht="10.5" x14ac:dyDescent="0.2">
      <c r="A64" s="270" t="s">
        <v>473</v>
      </c>
      <c r="B64" s="854">
        <v>0</v>
      </c>
      <c r="C64" s="855"/>
      <c r="D64" s="659">
        <v>762228.79</v>
      </c>
      <c r="E64" s="672"/>
      <c r="F64" s="847">
        <v>762228.79</v>
      </c>
      <c r="G64" s="851"/>
      <c r="H64" s="578">
        <v>100</v>
      </c>
    </row>
    <row r="65" spans="1:8" s="233" customFormat="1" ht="10.5" x14ac:dyDescent="0.2">
      <c r="A65" s="278" t="s">
        <v>474</v>
      </c>
      <c r="B65" s="854">
        <v>160903300</v>
      </c>
      <c r="C65" s="855"/>
      <c r="D65" s="854">
        <v>160903300</v>
      </c>
      <c r="E65" s="855"/>
      <c r="F65" s="665">
        <v>7363786.0999999996</v>
      </c>
      <c r="G65" s="676"/>
      <c r="H65" s="579">
        <v>4.576528946267727</v>
      </c>
    </row>
    <row r="66" spans="1:8" s="20" customFormat="1" ht="10.5" x14ac:dyDescent="0.2">
      <c r="A66" s="270" t="s">
        <v>475</v>
      </c>
      <c r="B66" s="847">
        <v>160903300</v>
      </c>
      <c r="C66" s="851"/>
      <c r="D66" s="659">
        <v>160903300</v>
      </c>
      <c r="E66" s="672"/>
      <c r="F66" s="847">
        <v>7363786.0999999996</v>
      </c>
      <c r="G66" s="851"/>
      <c r="H66" s="578">
        <v>4.576528946267727</v>
      </c>
    </row>
    <row r="67" spans="1:8" s="20" customFormat="1" ht="10.5" x14ac:dyDescent="0.2">
      <c r="A67" s="114" t="s">
        <v>476</v>
      </c>
      <c r="B67" s="854">
        <v>0</v>
      </c>
      <c r="C67" s="855"/>
      <c r="D67" s="659">
        <v>0</v>
      </c>
      <c r="E67" s="672"/>
      <c r="F67" s="854">
        <v>0</v>
      </c>
      <c r="G67" s="855"/>
      <c r="H67" s="579">
        <v>0</v>
      </c>
    </row>
    <row r="68" spans="1:8" s="233" customFormat="1" ht="10.5" x14ac:dyDescent="0.2">
      <c r="A68" s="278" t="s">
        <v>477</v>
      </c>
      <c r="B68" s="854">
        <v>0</v>
      </c>
      <c r="C68" s="855"/>
      <c r="D68" s="659">
        <v>0</v>
      </c>
      <c r="E68" s="672"/>
      <c r="F68" s="854">
        <v>0</v>
      </c>
      <c r="G68" s="855"/>
      <c r="H68" s="579">
        <v>0</v>
      </c>
    </row>
    <row r="69" spans="1:8" s="233" customFormat="1" ht="15" customHeight="1" x14ac:dyDescent="0.2">
      <c r="A69" s="246" t="s">
        <v>782</v>
      </c>
      <c r="B69" s="858">
        <v>0</v>
      </c>
      <c r="C69" s="859"/>
      <c r="D69" s="858">
        <v>0</v>
      </c>
      <c r="E69" s="859"/>
      <c r="F69" s="858">
        <v>0</v>
      </c>
      <c r="G69" s="859"/>
      <c r="H69" s="580">
        <v>0</v>
      </c>
    </row>
    <row r="70" spans="1:8" s="233" customFormat="1" ht="26.25" customHeight="1" x14ac:dyDescent="0.2">
      <c r="A70" s="469" t="s">
        <v>807</v>
      </c>
      <c r="B70" s="834">
        <v>208714300</v>
      </c>
      <c r="C70" s="834">
        <v>0</v>
      </c>
      <c r="D70" s="834">
        <v>227689783.22999999</v>
      </c>
      <c r="E70" s="834">
        <v>0</v>
      </c>
      <c r="F70" s="834">
        <v>69711261.320000008</v>
      </c>
      <c r="G70" s="834">
        <v>0</v>
      </c>
      <c r="H70" s="470">
        <v>30.616771789703641</v>
      </c>
    </row>
    <row r="71" spans="1:8" s="233" customFormat="1" ht="15" customHeight="1" x14ac:dyDescent="0.2">
      <c r="A71" s="838" t="s">
        <v>195</v>
      </c>
      <c r="B71" s="838"/>
      <c r="C71" s="838"/>
      <c r="D71" s="838"/>
      <c r="E71" s="838"/>
      <c r="F71" s="838"/>
      <c r="G71" s="838"/>
      <c r="H71" s="838"/>
    </row>
    <row r="72" spans="1:8" s="233" customFormat="1" ht="15" customHeight="1" x14ac:dyDescent="0.2">
      <c r="A72" s="864" t="s">
        <v>196</v>
      </c>
      <c r="B72" s="829" t="s">
        <v>108</v>
      </c>
      <c r="C72" s="846"/>
      <c r="D72" s="829" t="s">
        <v>108</v>
      </c>
      <c r="E72" s="846"/>
      <c r="F72" s="845" t="s">
        <v>109</v>
      </c>
      <c r="G72" s="838"/>
      <c r="H72" s="838"/>
    </row>
    <row r="73" spans="1:8" s="233" customFormat="1" ht="15" customHeight="1" x14ac:dyDescent="0.2">
      <c r="A73" s="865"/>
      <c r="B73" s="830" t="s">
        <v>111</v>
      </c>
      <c r="C73" s="843"/>
      <c r="D73" s="830" t="s">
        <v>112</v>
      </c>
      <c r="E73" s="843"/>
      <c r="F73" s="829" t="s">
        <v>115</v>
      </c>
      <c r="G73" s="846"/>
      <c r="H73" s="230" t="s">
        <v>114</v>
      </c>
    </row>
    <row r="74" spans="1:8" s="233" customFormat="1" ht="15" customHeight="1" x14ac:dyDescent="0.2">
      <c r="A74" s="866"/>
      <c r="B74" s="831"/>
      <c r="C74" s="844"/>
      <c r="D74" s="831" t="s">
        <v>116</v>
      </c>
      <c r="E74" s="844"/>
      <c r="F74" s="831" t="s">
        <v>117</v>
      </c>
      <c r="G74" s="844"/>
      <c r="H74" s="231" t="s">
        <v>188</v>
      </c>
    </row>
    <row r="75" spans="1:8" s="233" customFormat="1" ht="10.5" x14ac:dyDescent="0.2">
      <c r="A75" s="248" t="s">
        <v>478</v>
      </c>
      <c r="B75" s="856">
        <v>1302242850</v>
      </c>
      <c r="C75" s="857"/>
      <c r="D75" s="856">
        <v>1303401511.1285</v>
      </c>
      <c r="E75" s="857"/>
      <c r="F75" s="665">
        <v>1104757568.2514999</v>
      </c>
      <c r="G75" s="676"/>
      <c r="H75" s="540">
        <v>84.759573993050537</v>
      </c>
    </row>
    <row r="76" spans="1:8" s="20" customFormat="1" ht="10.5" x14ac:dyDescent="0.2">
      <c r="A76" s="270" t="s">
        <v>479</v>
      </c>
      <c r="B76" s="832">
        <v>1017993150</v>
      </c>
      <c r="C76" s="833">
        <v>0</v>
      </c>
      <c r="D76" s="832">
        <v>1018237838.8365</v>
      </c>
      <c r="E76" s="833">
        <v>0</v>
      </c>
      <c r="F76" s="659">
        <v>873577060.99949992</v>
      </c>
      <c r="G76" s="672">
        <v>0</v>
      </c>
      <c r="H76" s="452">
        <v>85.793026705597754</v>
      </c>
    </row>
    <row r="77" spans="1:8" s="20" customFormat="1" ht="10.5" x14ac:dyDescent="0.2">
      <c r="A77" s="270" t="s">
        <v>480</v>
      </c>
      <c r="B77" s="832">
        <v>21606200</v>
      </c>
      <c r="C77" s="833">
        <v>0</v>
      </c>
      <c r="D77" s="832">
        <v>21606200</v>
      </c>
      <c r="E77" s="833">
        <v>0</v>
      </c>
      <c r="F77" s="659">
        <v>15860919.773999998</v>
      </c>
      <c r="G77" s="672">
        <v>0</v>
      </c>
      <c r="H77" s="452">
        <v>73.409113004600528</v>
      </c>
    </row>
    <row r="78" spans="1:8" s="20" customFormat="1" ht="10.5" x14ac:dyDescent="0.2">
      <c r="A78" s="270" t="s">
        <v>481</v>
      </c>
      <c r="B78" s="832">
        <v>34393500</v>
      </c>
      <c r="C78" s="833">
        <v>0</v>
      </c>
      <c r="D78" s="832">
        <v>34397116.226000004</v>
      </c>
      <c r="E78" s="833">
        <v>0</v>
      </c>
      <c r="F78" s="659">
        <v>32842040.082000002</v>
      </c>
      <c r="G78" s="672">
        <v>0</v>
      </c>
      <c r="H78" s="452">
        <v>95.479050819892407</v>
      </c>
    </row>
    <row r="79" spans="1:8" s="20" customFormat="1" ht="10.5" x14ac:dyDescent="0.2">
      <c r="A79" s="270" t="s">
        <v>482</v>
      </c>
      <c r="B79" s="832">
        <v>214100000</v>
      </c>
      <c r="C79" s="833">
        <v>0</v>
      </c>
      <c r="D79" s="832">
        <v>214100000</v>
      </c>
      <c r="E79" s="833">
        <v>0</v>
      </c>
      <c r="F79" s="659">
        <v>168027731.95200002</v>
      </c>
      <c r="G79" s="672">
        <v>0</v>
      </c>
      <c r="H79" s="452">
        <v>78.480958408220474</v>
      </c>
    </row>
    <row r="80" spans="1:8" s="20" customFormat="1" ht="10.5" x14ac:dyDescent="0.2">
      <c r="A80" s="270" t="s">
        <v>483</v>
      </c>
      <c r="B80" s="832">
        <v>3620000</v>
      </c>
      <c r="C80" s="833">
        <v>0</v>
      </c>
      <c r="D80" s="832">
        <v>3620000</v>
      </c>
      <c r="E80" s="833">
        <v>0</v>
      </c>
      <c r="F80" s="659">
        <v>3009459.3780000005</v>
      </c>
      <c r="G80" s="672">
        <v>0</v>
      </c>
      <c r="H80" s="452">
        <v>83.134236961325982</v>
      </c>
    </row>
    <row r="81" spans="1:8" s="20" customFormat="1" ht="10.5" x14ac:dyDescent="0.2">
      <c r="A81" s="270" t="s">
        <v>484</v>
      </c>
      <c r="B81" s="832">
        <v>10530000</v>
      </c>
      <c r="C81" s="833">
        <v>0</v>
      </c>
      <c r="D81" s="832">
        <v>11440356.066</v>
      </c>
      <c r="E81" s="833">
        <v>0</v>
      </c>
      <c r="F81" s="659">
        <v>11440356.066</v>
      </c>
      <c r="G81" s="672">
        <v>0</v>
      </c>
      <c r="H81" s="452">
        <v>100</v>
      </c>
    </row>
    <row r="82" spans="1:8" s="233" customFormat="1" ht="10.5" x14ac:dyDescent="0.2">
      <c r="A82" s="278" t="s">
        <v>485</v>
      </c>
      <c r="B82" s="852">
        <v>927764000</v>
      </c>
      <c r="C82" s="853"/>
      <c r="D82" s="852">
        <v>929999571.48000002</v>
      </c>
      <c r="E82" s="853"/>
      <c r="F82" s="665">
        <v>711917561.75</v>
      </c>
      <c r="G82" s="676"/>
      <c r="H82" s="450">
        <v>76.550310729396941</v>
      </c>
    </row>
    <row r="83" spans="1:8" s="20" customFormat="1" ht="10.5" x14ac:dyDescent="0.2">
      <c r="A83" s="270" t="s">
        <v>486</v>
      </c>
      <c r="B83" s="832">
        <v>927764000</v>
      </c>
      <c r="C83" s="833"/>
      <c r="D83" s="659">
        <v>927764000</v>
      </c>
      <c r="E83" s="672"/>
      <c r="F83" s="659">
        <v>709681990.26999998</v>
      </c>
      <c r="G83" s="672"/>
      <c r="H83" s="452">
        <v>76.493805565855112</v>
      </c>
    </row>
    <row r="84" spans="1:8" s="20" customFormat="1" ht="10.5" x14ac:dyDescent="0.2">
      <c r="A84" s="270" t="s">
        <v>487</v>
      </c>
      <c r="B84" s="832">
        <v>0</v>
      </c>
      <c r="C84" s="833"/>
      <c r="D84" s="659">
        <v>0</v>
      </c>
      <c r="E84" s="672"/>
      <c r="F84" s="665">
        <v>0</v>
      </c>
      <c r="G84" s="676"/>
      <c r="H84" s="564">
        <v>0</v>
      </c>
    </row>
    <row r="85" spans="1:8" s="20" customFormat="1" ht="10.5" x14ac:dyDescent="0.2">
      <c r="A85" s="276" t="s">
        <v>488</v>
      </c>
      <c r="B85" s="927">
        <v>0</v>
      </c>
      <c r="C85" s="928"/>
      <c r="D85" s="659">
        <v>2235571.48</v>
      </c>
      <c r="E85" s="672"/>
      <c r="F85" s="659">
        <v>2235571.48</v>
      </c>
      <c r="G85" s="672"/>
      <c r="H85" s="564">
        <v>100</v>
      </c>
    </row>
    <row r="86" spans="1:8" s="233" customFormat="1" ht="15" customHeight="1" x14ac:dyDescent="0.2">
      <c r="A86" s="245" t="s">
        <v>489</v>
      </c>
      <c r="B86" s="909">
        <v>-374478850</v>
      </c>
      <c r="C86" s="929"/>
      <c r="D86" s="909">
        <v>-375637511.12849998</v>
      </c>
      <c r="E86" s="929"/>
      <c r="F86" s="669">
        <v>-395075577.98149991</v>
      </c>
      <c r="G86" s="670"/>
      <c r="H86" s="470">
        <v>105.17468737203683</v>
      </c>
    </row>
    <row r="87" spans="1:8" s="20" customFormat="1" ht="10.5" customHeight="1" x14ac:dyDescent="0.2">
      <c r="A87" s="296" t="s">
        <v>435</v>
      </c>
      <c r="B87" s="294"/>
      <c r="C87" s="294"/>
      <c r="D87" s="294"/>
      <c r="E87" s="294"/>
      <c r="F87" s="435"/>
      <c r="H87" s="577"/>
    </row>
    <row r="88" spans="1:8" s="20" customFormat="1" ht="10.5" customHeight="1" x14ac:dyDescent="0.2">
      <c r="A88" s="110" t="s">
        <v>436</v>
      </c>
      <c r="B88" s="295"/>
      <c r="C88" s="295"/>
      <c r="D88" s="295"/>
      <c r="E88" s="295"/>
      <c r="F88" s="295"/>
      <c r="H88" s="601"/>
    </row>
    <row r="89" spans="1:8" s="233" customFormat="1" ht="51.75" customHeight="1" x14ac:dyDescent="0.2">
      <c r="A89" s="864" t="s">
        <v>197</v>
      </c>
      <c r="B89" s="85" t="s">
        <v>157</v>
      </c>
      <c r="C89" s="85" t="s">
        <v>157</v>
      </c>
      <c r="D89" s="845" t="s">
        <v>158</v>
      </c>
      <c r="E89" s="838"/>
      <c r="F89" s="845" t="s">
        <v>159</v>
      </c>
      <c r="G89" s="838"/>
      <c r="H89" s="931" t="s">
        <v>783</v>
      </c>
    </row>
    <row r="90" spans="1:8" s="233" customFormat="1" ht="15" customHeight="1" x14ac:dyDescent="0.2">
      <c r="A90" s="865"/>
      <c r="B90" s="86" t="s">
        <v>111</v>
      </c>
      <c r="C90" s="86" t="s">
        <v>112</v>
      </c>
      <c r="D90" s="85" t="s">
        <v>115</v>
      </c>
      <c r="E90" s="230" t="s">
        <v>114</v>
      </c>
      <c r="F90" s="85" t="s">
        <v>115</v>
      </c>
      <c r="G90" s="230" t="s">
        <v>114</v>
      </c>
      <c r="H90" s="932"/>
    </row>
    <row r="91" spans="1:8" s="233" customFormat="1" ht="15" customHeight="1" x14ac:dyDescent="0.2">
      <c r="A91" s="866"/>
      <c r="B91" s="229"/>
      <c r="C91" s="228" t="s">
        <v>162</v>
      </c>
      <c r="D91" s="228" t="s">
        <v>163</v>
      </c>
      <c r="E91" s="231" t="s">
        <v>198</v>
      </c>
      <c r="F91" s="228" t="s">
        <v>164</v>
      </c>
      <c r="G91" s="231" t="s">
        <v>455</v>
      </c>
      <c r="H91" s="250" t="s">
        <v>353</v>
      </c>
    </row>
    <row r="92" spans="1:8" s="233" customFormat="1" ht="10.5" x14ac:dyDescent="0.2">
      <c r="A92" s="248" t="s">
        <v>490</v>
      </c>
      <c r="B92" s="581">
        <v>921164000</v>
      </c>
      <c r="C92" s="582">
        <v>937194000</v>
      </c>
      <c r="D92" s="582">
        <v>881994534.20000005</v>
      </c>
      <c r="E92" s="583">
        <v>94.11013452924368</v>
      </c>
      <c r="F92" s="582">
        <v>756583886.77999997</v>
      </c>
      <c r="G92" s="584">
        <v>80.728631081718405</v>
      </c>
      <c r="H92" s="585">
        <v>0</v>
      </c>
    </row>
    <row r="93" spans="1:8" s="20" customFormat="1" ht="10.5" x14ac:dyDescent="0.2">
      <c r="A93" s="270" t="s">
        <v>491</v>
      </c>
      <c r="B93" s="586">
        <v>552698400</v>
      </c>
      <c r="C93" s="587">
        <v>562316400</v>
      </c>
      <c r="D93" s="587">
        <v>529196720.51999998</v>
      </c>
      <c r="E93" s="588">
        <v>94.110134529243666</v>
      </c>
      <c r="F93" s="587">
        <v>453950332.06799996</v>
      </c>
      <c r="G93" s="588">
        <v>80.72863108171839</v>
      </c>
      <c r="H93" s="589">
        <v>0</v>
      </c>
    </row>
    <row r="94" spans="1:8" s="20" customFormat="1" ht="10.5" x14ac:dyDescent="0.2">
      <c r="A94" s="270" t="s">
        <v>492</v>
      </c>
      <c r="B94" s="586">
        <v>368465600</v>
      </c>
      <c r="C94" s="587">
        <v>374877600</v>
      </c>
      <c r="D94" s="587">
        <v>352797813.68000007</v>
      </c>
      <c r="E94" s="588">
        <v>94.110134529243695</v>
      </c>
      <c r="F94" s="587">
        <v>302633554.71200001</v>
      </c>
      <c r="G94" s="588">
        <v>80.728631081718405</v>
      </c>
      <c r="H94" s="589">
        <v>0</v>
      </c>
    </row>
    <row r="95" spans="1:8" s="233" customFormat="1" ht="10.5" x14ac:dyDescent="0.2">
      <c r="A95" s="278" t="s">
        <v>493</v>
      </c>
      <c r="B95" s="590">
        <v>6600000</v>
      </c>
      <c r="C95" s="591">
        <v>8170000</v>
      </c>
      <c r="D95" s="591">
        <v>6015404.3399999999</v>
      </c>
      <c r="E95" s="583">
        <v>73.627960097919214</v>
      </c>
      <c r="F95" s="591">
        <v>5029238.3099999996</v>
      </c>
      <c r="G95" s="583">
        <v>61.557384455324346</v>
      </c>
      <c r="H95" s="589">
        <v>0</v>
      </c>
    </row>
    <row r="96" spans="1:8" s="20" customFormat="1" ht="10.5" x14ac:dyDescent="0.2">
      <c r="A96" s="270" t="s">
        <v>494</v>
      </c>
      <c r="B96" s="586">
        <v>6600000</v>
      </c>
      <c r="C96" s="587">
        <v>8170000</v>
      </c>
      <c r="D96" s="587">
        <v>6015404.3399999999</v>
      </c>
      <c r="E96" s="588">
        <v>73.627960097919214</v>
      </c>
      <c r="F96" s="587">
        <v>5029238.3099999996</v>
      </c>
      <c r="G96" s="588">
        <v>61.557384455324346</v>
      </c>
      <c r="H96" s="589">
        <v>0</v>
      </c>
    </row>
    <row r="97" spans="1:8" s="20" customFormat="1" ht="10.5" x14ac:dyDescent="0.2">
      <c r="A97" s="276" t="s">
        <v>495</v>
      </c>
      <c r="B97" s="592">
        <v>0</v>
      </c>
      <c r="C97" s="593">
        <v>0</v>
      </c>
      <c r="D97" s="593">
        <v>0</v>
      </c>
      <c r="E97" s="594">
        <v>0</v>
      </c>
      <c r="F97" s="593">
        <v>0</v>
      </c>
      <c r="G97" s="595">
        <v>0</v>
      </c>
      <c r="H97" s="596">
        <v>0</v>
      </c>
    </row>
    <row r="98" spans="1:8" s="233" customFormat="1" ht="15" customHeight="1" x14ac:dyDescent="0.2">
      <c r="A98" s="245" t="s">
        <v>496</v>
      </c>
      <c r="B98" s="597">
        <v>927764000</v>
      </c>
      <c r="C98" s="597">
        <v>945364000</v>
      </c>
      <c r="D98" s="597">
        <v>888009938.54000008</v>
      </c>
      <c r="E98" s="598">
        <v>93.933124017838637</v>
      </c>
      <c r="F98" s="597">
        <v>761613125.08999991</v>
      </c>
      <c r="G98" s="599">
        <v>80.562949836253537</v>
      </c>
      <c r="H98" s="600">
        <v>0</v>
      </c>
    </row>
    <row r="99" spans="1:8" s="20" customFormat="1" ht="15" customHeight="1" x14ac:dyDescent="0.2">
      <c r="A99" s="838" t="s">
        <v>437</v>
      </c>
      <c r="B99" s="838"/>
      <c r="C99" s="838"/>
      <c r="D99" s="838"/>
      <c r="E99" s="838"/>
      <c r="F99" s="838"/>
      <c r="G99" s="838"/>
      <c r="H99" s="838"/>
    </row>
    <row r="100" spans="1:8" s="233" customFormat="1" ht="10.5" x14ac:dyDescent="0.2">
      <c r="A100" s="941" t="s">
        <v>497</v>
      </c>
      <c r="B100" s="941"/>
      <c r="C100" s="941"/>
      <c r="D100" s="941"/>
      <c r="E100" s="941"/>
      <c r="F100" s="942"/>
      <c r="G100" s="860">
        <v>0</v>
      </c>
      <c r="H100" s="945"/>
    </row>
    <row r="101" spans="1:8" s="20" customFormat="1" ht="10.5" x14ac:dyDescent="0.2">
      <c r="A101" s="871" t="s">
        <v>498</v>
      </c>
      <c r="B101" s="871"/>
      <c r="C101" s="871"/>
      <c r="D101" s="871"/>
      <c r="E101" s="871"/>
      <c r="F101" s="872"/>
      <c r="G101" s="847">
        <v>0</v>
      </c>
      <c r="H101" s="848"/>
    </row>
    <row r="102" spans="1:8" s="20" customFormat="1" ht="10.5" x14ac:dyDescent="0.2">
      <c r="A102" s="871" t="s">
        <v>499</v>
      </c>
      <c r="B102" s="871"/>
      <c r="C102" s="871"/>
      <c r="D102" s="871"/>
      <c r="E102" s="871"/>
      <c r="F102" s="872"/>
      <c r="G102" s="847">
        <v>0</v>
      </c>
      <c r="H102" s="848"/>
    </row>
    <row r="103" spans="1:8" s="233" customFormat="1" ht="12.75" customHeight="1" x14ac:dyDescent="0.2">
      <c r="A103" s="926" t="s">
        <v>500</v>
      </c>
      <c r="B103" s="926"/>
      <c r="C103" s="926"/>
      <c r="D103" s="926"/>
      <c r="E103" s="926"/>
      <c r="F103" s="930"/>
      <c r="G103" s="847">
        <v>0</v>
      </c>
      <c r="H103" s="848"/>
    </row>
    <row r="104" spans="1:8" s="20" customFormat="1" ht="13.5" customHeight="1" x14ac:dyDescent="0.2">
      <c r="A104" s="871" t="s">
        <v>501</v>
      </c>
      <c r="B104" s="871"/>
      <c r="C104" s="871"/>
      <c r="D104" s="871"/>
      <c r="E104" s="871"/>
      <c r="F104" s="872"/>
      <c r="G104" s="847">
        <v>0</v>
      </c>
      <c r="H104" s="848"/>
    </row>
    <row r="105" spans="1:8" s="20" customFormat="1" ht="10.5" x14ac:dyDescent="0.2">
      <c r="A105" s="862" t="s">
        <v>502</v>
      </c>
      <c r="B105" s="862"/>
      <c r="C105" s="862"/>
      <c r="D105" s="862"/>
      <c r="E105" s="862"/>
      <c r="F105" s="863"/>
      <c r="G105" s="849">
        <v>0</v>
      </c>
      <c r="H105" s="850"/>
    </row>
    <row r="106" spans="1:8" s="233" customFormat="1" ht="15" customHeight="1" x14ac:dyDescent="0.2">
      <c r="A106" s="895" t="s">
        <v>503</v>
      </c>
      <c r="B106" s="895"/>
      <c r="C106" s="895"/>
      <c r="D106" s="895"/>
      <c r="E106" s="895"/>
      <c r="F106" s="896"/>
      <c r="G106" s="943">
        <v>0</v>
      </c>
      <c r="H106" s="944"/>
    </row>
    <row r="107" spans="1:8" s="233" customFormat="1" ht="15" customHeight="1" x14ac:dyDescent="0.2">
      <c r="A107" s="895" t="s">
        <v>438</v>
      </c>
      <c r="B107" s="895"/>
      <c r="C107" s="895"/>
      <c r="D107" s="895"/>
      <c r="E107" s="895"/>
      <c r="F107" s="896"/>
      <c r="G107" s="845" t="s">
        <v>209</v>
      </c>
      <c r="H107" s="838"/>
    </row>
    <row r="108" spans="1:8" s="233" customFormat="1" ht="12.75" customHeight="1" x14ac:dyDescent="0.2">
      <c r="A108" s="883" t="s">
        <v>504</v>
      </c>
      <c r="B108" s="883"/>
      <c r="C108" s="883"/>
      <c r="D108" s="883"/>
      <c r="E108" s="883"/>
      <c r="F108" s="886"/>
      <c r="G108" s="860">
        <v>761613125.08999991</v>
      </c>
      <c r="H108" s="945" t="e">
        <v>#DIV/0!</v>
      </c>
    </row>
    <row r="109" spans="1:8" s="20" customFormat="1" ht="16.5" customHeight="1" x14ac:dyDescent="0.2">
      <c r="A109" s="884" t="s">
        <v>640</v>
      </c>
      <c r="B109" s="884"/>
      <c r="C109" s="884"/>
      <c r="D109" s="884"/>
      <c r="E109" s="884"/>
      <c r="F109" s="885"/>
      <c r="G109" s="933">
        <v>106.2740866962466</v>
      </c>
      <c r="H109" s="934"/>
    </row>
    <row r="110" spans="1:8" s="20" customFormat="1" ht="10.5" x14ac:dyDescent="0.2">
      <c r="A110" s="884" t="s">
        <v>505</v>
      </c>
      <c r="B110" s="884"/>
      <c r="C110" s="884"/>
      <c r="D110" s="884"/>
      <c r="E110" s="884"/>
      <c r="F110" s="885"/>
      <c r="G110" s="933">
        <v>0.70643548919307153</v>
      </c>
      <c r="H110" s="934" t="e">
        <v>#DIV/0!</v>
      </c>
    </row>
    <row r="111" spans="1:8" s="20" customFormat="1" ht="15" customHeight="1" x14ac:dyDescent="0.2">
      <c r="A111" s="946" t="s">
        <v>506</v>
      </c>
      <c r="B111" s="946"/>
      <c r="C111" s="946"/>
      <c r="D111" s="946"/>
      <c r="E111" s="946"/>
      <c r="F111" s="947"/>
      <c r="G111" s="935">
        <v>-6.9805221854396677</v>
      </c>
      <c r="H111" s="936"/>
    </row>
    <row r="112" spans="1:8" s="233" customFormat="1" ht="15" customHeight="1" x14ac:dyDescent="0.2">
      <c r="A112" s="838" t="s">
        <v>342</v>
      </c>
      <c r="B112" s="838"/>
      <c r="C112" s="838"/>
      <c r="D112" s="838"/>
      <c r="E112" s="838"/>
      <c r="F112" s="948"/>
      <c r="G112" s="845" t="s">
        <v>209</v>
      </c>
      <c r="H112" s="838"/>
    </row>
    <row r="113" spans="1:8" s="233" customFormat="1" ht="15" customHeight="1" x14ac:dyDescent="0.2">
      <c r="A113" s="949" t="s">
        <v>817</v>
      </c>
      <c r="B113" s="949"/>
      <c r="C113" s="949"/>
      <c r="D113" s="949"/>
      <c r="E113" s="949"/>
      <c r="F113" s="950"/>
      <c r="G113" s="937">
        <v>0</v>
      </c>
      <c r="H113" s="938"/>
    </row>
    <row r="114" spans="1:8" s="233" customFormat="1" ht="17.25" customHeight="1" x14ac:dyDescent="0.2">
      <c r="A114" s="897" t="s">
        <v>818</v>
      </c>
      <c r="B114" s="897"/>
      <c r="C114" s="897"/>
      <c r="D114" s="897"/>
      <c r="E114" s="897"/>
      <c r="F114" s="898"/>
      <c r="G114" s="939">
        <v>0</v>
      </c>
      <c r="H114" s="940"/>
    </row>
    <row r="115" spans="1:8" s="20" customFormat="1" ht="15" customHeight="1" x14ac:dyDescent="0.2">
      <c r="A115" s="838" t="s">
        <v>341</v>
      </c>
      <c r="B115" s="838"/>
      <c r="C115" s="838"/>
      <c r="D115" s="838"/>
      <c r="E115" s="838"/>
      <c r="F115" s="838"/>
      <c r="G115" s="838"/>
      <c r="H115" s="838"/>
    </row>
    <row r="116" spans="1:8" s="233" customFormat="1" ht="15" customHeight="1" x14ac:dyDescent="0.2">
      <c r="A116" s="864" t="s">
        <v>343</v>
      </c>
      <c r="B116" s="829" t="s">
        <v>108</v>
      </c>
      <c r="C116" s="846"/>
      <c r="D116" s="829" t="s">
        <v>108</v>
      </c>
      <c r="E116" s="846"/>
      <c r="F116" s="845" t="s">
        <v>109</v>
      </c>
      <c r="G116" s="838"/>
      <c r="H116" s="838"/>
    </row>
    <row r="117" spans="1:8" s="233" customFormat="1" ht="15" customHeight="1" x14ac:dyDescent="0.2">
      <c r="A117" s="865"/>
      <c r="B117" s="830" t="s">
        <v>111</v>
      </c>
      <c r="C117" s="843"/>
      <c r="D117" s="830" t="s">
        <v>112</v>
      </c>
      <c r="E117" s="843"/>
      <c r="F117" s="829" t="s">
        <v>115</v>
      </c>
      <c r="G117" s="846"/>
      <c r="H117" s="230" t="s">
        <v>114</v>
      </c>
    </row>
    <row r="118" spans="1:8" s="233" customFormat="1" ht="15" customHeight="1" x14ac:dyDescent="0.2">
      <c r="A118" s="866"/>
      <c r="B118" s="831"/>
      <c r="C118" s="844"/>
      <c r="D118" s="831" t="s">
        <v>116</v>
      </c>
      <c r="E118" s="844"/>
      <c r="F118" s="831" t="s">
        <v>117</v>
      </c>
      <c r="G118" s="844"/>
      <c r="H118" s="231" t="s">
        <v>188</v>
      </c>
    </row>
    <row r="119" spans="1:8" s="233" customFormat="1" ht="15" customHeight="1" x14ac:dyDescent="0.2">
      <c r="A119" s="259" t="s">
        <v>784</v>
      </c>
      <c r="B119" s="835">
        <v>1773576312.5</v>
      </c>
      <c r="C119" s="836"/>
      <c r="D119" s="835">
        <v>1775024638.9106252</v>
      </c>
      <c r="E119" s="836"/>
      <c r="F119" s="835">
        <v>1501082452.2718749</v>
      </c>
      <c r="G119" s="836"/>
      <c r="H119" s="602">
        <v>84.566851601176921</v>
      </c>
    </row>
    <row r="120" spans="1:8" s="233" customFormat="1" ht="50.1" customHeight="1" x14ac:dyDescent="0.2">
      <c r="A120" s="864" t="s">
        <v>344</v>
      </c>
      <c r="B120" s="85" t="s">
        <v>157</v>
      </c>
      <c r="C120" s="85" t="s">
        <v>157</v>
      </c>
      <c r="D120" s="845" t="s">
        <v>158</v>
      </c>
      <c r="E120" s="838"/>
      <c r="F120" s="845" t="s">
        <v>159</v>
      </c>
      <c r="G120" s="838"/>
      <c r="H120" s="256" t="s">
        <v>783</v>
      </c>
    </row>
    <row r="121" spans="1:8" customFormat="1" ht="15" customHeight="1" x14ac:dyDescent="0.2">
      <c r="A121" s="865"/>
      <c r="B121" s="86" t="s">
        <v>111</v>
      </c>
      <c r="C121" s="86" t="s">
        <v>112</v>
      </c>
      <c r="D121" s="85" t="s">
        <v>115</v>
      </c>
      <c r="E121" s="230" t="s">
        <v>114</v>
      </c>
      <c r="F121" s="85" t="s">
        <v>115</v>
      </c>
      <c r="G121" s="230" t="s">
        <v>114</v>
      </c>
      <c r="H121" s="257"/>
    </row>
    <row r="122" spans="1:8" s="233" customFormat="1" ht="15" customHeight="1" x14ac:dyDescent="0.2">
      <c r="A122" s="866"/>
      <c r="B122" s="229"/>
      <c r="C122" s="228" t="s">
        <v>162</v>
      </c>
      <c r="D122" s="228" t="s">
        <v>163</v>
      </c>
      <c r="E122" s="231" t="s">
        <v>198</v>
      </c>
      <c r="F122" s="228" t="s">
        <v>164</v>
      </c>
      <c r="G122" s="231" t="s">
        <v>455</v>
      </c>
      <c r="H122" s="249" t="s">
        <v>353</v>
      </c>
    </row>
    <row r="123" spans="1:8" s="233" customFormat="1" ht="10.5" x14ac:dyDescent="0.2">
      <c r="A123" s="248" t="s">
        <v>507</v>
      </c>
      <c r="B123" s="581">
        <v>140400</v>
      </c>
      <c r="C123" s="509">
        <v>140400</v>
      </c>
      <c r="D123" s="603">
        <v>0</v>
      </c>
      <c r="E123" s="510">
        <v>0</v>
      </c>
      <c r="F123" s="509">
        <v>0</v>
      </c>
      <c r="G123" s="603">
        <v>0</v>
      </c>
      <c r="H123" s="509">
        <v>0</v>
      </c>
    </row>
    <row r="124" spans="1:8" s="20" customFormat="1" ht="10.5" x14ac:dyDescent="0.2">
      <c r="A124" s="270" t="s">
        <v>508</v>
      </c>
      <c r="B124" s="604">
        <v>140400</v>
      </c>
      <c r="C124" s="564">
        <v>140400</v>
      </c>
      <c r="D124" s="340">
        <v>0</v>
      </c>
      <c r="E124" s="510">
        <v>0</v>
      </c>
      <c r="F124" s="509">
        <v>0</v>
      </c>
      <c r="G124" s="340">
        <v>0</v>
      </c>
      <c r="H124" s="509">
        <v>0</v>
      </c>
    </row>
    <row r="125" spans="1:8" customFormat="1" ht="12.75" x14ac:dyDescent="0.2">
      <c r="A125" s="270" t="s">
        <v>509</v>
      </c>
      <c r="B125" s="604"/>
      <c r="C125" s="509"/>
      <c r="D125" s="340"/>
      <c r="E125" s="510"/>
      <c r="F125" s="509"/>
      <c r="G125" s="340"/>
      <c r="H125" s="509">
        <v>0</v>
      </c>
    </row>
    <row r="126" spans="1:8" s="233" customFormat="1" ht="10.5" x14ac:dyDescent="0.2">
      <c r="A126" s="278" t="s">
        <v>510</v>
      </c>
      <c r="B126" s="583">
        <v>571144100</v>
      </c>
      <c r="C126" s="509">
        <v>578963866</v>
      </c>
      <c r="D126" s="340">
        <v>542632706.49000001</v>
      </c>
      <c r="E126" s="583">
        <v>93.724796719869914</v>
      </c>
      <c r="F126" s="509">
        <v>462326489.87799996</v>
      </c>
      <c r="G126" s="567">
        <v>79.854118197766766</v>
      </c>
      <c r="H126" s="509">
        <v>0</v>
      </c>
    </row>
    <row r="127" spans="1:8" s="20" customFormat="1" ht="10.5" x14ac:dyDescent="0.2">
      <c r="A127" s="270" t="s">
        <v>511</v>
      </c>
      <c r="B127" s="604">
        <v>559298400</v>
      </c>
      <c r="C127" s="564">
        <v>570486400</v>
      </c>
      <c r="D127" s="562">
        <v>535212124.85999995</v>
      </c>
      <c r="E127" s="588">
        <v>93.816807001884698</v>
      </c>
      <c r="F127" s="564">
        <v>458979570.37799996</v>
      </c>
      <c r="G127" s="605">
        <v>80.454077499130563</v>
      </c>
      <c r="H127" s="509">
        <v>0</v>
      </c>
    </row>
    <row r="128" spans="1:8" s="20" customFormat="1" ht="10.5" x14ac:dyDescent="0.2">
      <c r="A128" s="270" t="s">
        <v>512</v>
      </c>
      <c r="B128" s="604">
        <v>11845700</v>
      </c>
      <c r="C128" s="564">
        <v>8477466</v>
      </c>
      <c r="D128" s="562">
        <v>7420581.6299999999</v>
      </c>
      <c r="E128" s="588">
        <v>87.533015526101792</v>
      </c>
      <c r="F128" s="564">
        <v>3346919.5</v>
      </c>
      <c r="G128" s="605">
        <v>39.480187829712321</v>
      </c>
      <c r="H128" s="509">
        <v>0</v>
      </c>
    </row>
    <row r="129" spans="1:8" s="233" customFormat="1" ht="10.5" x14ac:dyDescent="0.2">
      <c r="A129" s="278" t="s">
        <v>513</v>
      </c>
      <c r="B129" s="590">
        <v>396382800</v>
      </c>
      <c r="C129" s="509">
        <v>380140565</v>
      </c>
      <c r="D129" s="340">
        <v>355195506.97000009</v>
      </c>
      <c r="E129" s="583">
        <v>93.437938403127291</v>
      </c>
      <c r="F129" s="509">
        <v>304807235.52200001</v>
      </c>
      <c r="G129" s="567">
        <v>80.18277016082196</v>
      </c>
      <c r="H129" s="509">
        <v>0</v>
      </c>
    </row>
    <row r="130" spans="1:8" s="20" customFormat="1" ht="10.5" x14ac:dyDescent="0.2">
      <c r="A130" s="270" t="s">
        <v>514</v>
      </c>
      <c r="B130" s="604">
        <v>368465600</v>
      </c>
      <c r="C130" s="564">
        <v>374877600</v>
      </c>
      <c r="D130" s="562">
        <v>352797813.68000007</v>
      </c>
      <c r="E130" s="588">
        <v>94.110134529243695</v>
      </c>
      <c r="F130" s="564">
        <v>302633554.71200001</v>
      </c>
      <c r="G130" s="605">
        <v>80.728631081718405</v>
      </c>
      <c r="H130" s="509">
        <v>0</v>
      </c>
    </row>
    <row r="131" spans="1:8" s="20" customFormat="1" ht="10.5" x14ac:dyDescent="0.2">
      <c r="A131" s="270" t="s">
        <v>515</v>
      </c>
      <c r="B131" s="604">
        <v>27917200</v>
      </c>
      <c r="C131" s="564">
        <v>5262965</v>
      </c>
      <c r="D131" s="562">
        <v>2397693.29</v>
      </c>
      <c r="E131" s="588">
        <v>45.55784220491681</v>
      </c>
      <c r="F131" s="564">
        <v>2173680.81</v>
      </c>
      <c r="G131" s="340">
        <v>41.301449088109081</v>
      </c>
      <c r="H131" s="509">
        <v>0</v>
      </c>
    </row>
    <row r="132" spans="1:8" s="233" customFormat="1" ht="10.5" x14ac:dyDescent="0.2">
      <c r="A132" s="278" t="s">
        <v>516</v>
      </c>
      <c r="B132" s="590">
        <v>18984800</v>
      </c>
      <c r="C132" s="509">
        <v>16265470</v>
      </c>
      <c r="D132" s="340">
        <v>10712099.42</v>
      </c>
      <c r="E132" s="583">
        <v>65.857915080228238</v>
      </c>
      <c r="F132" s="509">
        <v>8698825.8399999999</v>
      </c>
      <c r="G132" s="567">
        <v>53.480322671278479</v>
      </c>
      <c r="H132" s="509">
        <v>0</v>
      </c>
    </row>
    <row r="133" spans="1:8" s="233" customFormat="1" ht="10.5" x14ac:dyDescent="0.2">
      <c r="A133" s="278" t="s">
        <v>517</v>
      </c>
      <c r="B133" s="590">
        <v>1775100</v>
      </c>
      <c r="C133" s="509">
        <v>5795139</v>
      </c>
      <c r="D133" s="340">
        <v>2876945.41</v>
      </c>
      <c r="E133" s="583">
        <v>49.644113972072113</v>
      </c>
      <c r="F133" s="509">
        <v>2517757.87</v>
      </c>
      <c r="G133" s="340">
        <v>43.446030716433206</v>
      </c>
      <c r="H133" s="509">
        <v>0</v>
      </c>
    </row>
    <row r="134" spans="1:8" s="233" customFormat="1" ht="10.5" x14ac:dyDescent="0.2">
      <c r="A134" s="272" t="s">
        <v>518</v>
      </c>
      <c r="B134" s="590">
        <v>532524200</v>
      </c>
      <c r="C134" s="509">
        <v>1565867571.3899999</v>
      </c>
      <c r="D134" s="606">
        <v>1520108526.6500001</v>
      </c>
      <c r="E134" s="583">
        <v>97.077719369372971</v>
      </c>
      <c r="F134" s="509">
        <v>1405718214.77</v>
      </c>
      <c r="G134" s="607">
        <v>89.772483986124229</v>
      </c>
      <c r="H134" s="509">
        <v>0</v>
      </c>
    </row>
    <row r="135" spans="1:8" s="233" customFormat="1" ht="18" customHeight="1" x14ac:dyDescent="0.2">
      <c r="A135" s="245" t="s">
        <v>519</v>
      </c>
      <c r="B135" s="608">
        <v>1520951400</v>
      </c>
      <c r="C135" s="608">
        <v>2547173011.3899999</v>
      </c>
      <c r="D135" s="608">
        <v>2431525784.9400001</v>
      </c>
      <c r="E135" s="516">
        <v>95.459781258168604</v>
      </c>
      <c r="F135" s="609">
        <v>2184068523.8800001</v>
      </c>
      <c r="G135" s="383">
        <v>85.744804695781056</v>
      </c>
      <c r="H135" s="507">
        <v>0</v>
      </c>
    </row>
    <row r="136" spans="1:8" s="233" customFormat="1" ht="10.5" x14ac:dyDescent="0.2">
      <c r="A136" s="888" t="s">
        <v>345</v>
      </c>
      <c r="B136" s="888"/>
      <c r="C136" s="888"/>
      <c r="D136" s="888"/>
      <c r="E136" s="888"/>
      <c r="F136" s="864"/>
      <c r="G136" s="829" t="s">
        <v>209</v>
      </c>
      <c r="H136" s="869"/>
    </row>
    <row r="137" spans="1:8" s="233" customFormat="1" ht="12.75" customHeight="1" x14ac:dyDescent="0.2">
      <c r="A137" s="890"/>
      <c r="B137" s="890"/>
      <c r="C137" s="890"/>
      <c r="D137" s="890"/>
      <c r="E137" s="890"/>
      <c r="F137" s="865"/>
      <c r="G137" s="830"/>
      <c r="H137" s="870"/>
    </row>
    <row r="138" spans="1:8" s="233" customFormat="1" ht="10.5" x14ac:dyDescent="0.2">
      <c r="A138" s="892"/>
      <c r="B138" s="892"/>
      <c r="C138" s="892"/>
      <c r="D138" s="892"/>
      <c r="E138" s="892"/>
      <c r="F138" s="866"/>
      <c r="G138" s="831"/>
      <c r="H138" s="868"/>
    </row>
    <row r="139" spans="1:8" s="20" customFormat="1" ht="10.5" x14ac:dyDescent="0.2">
      <c r="A139" s="926" t="s">
        <v>520</v>
      </c>
      <c r="B139" s="926"/>
      <c r="C139" s="926"/>
      <c r="D139" s="926"/>
      <c r="E139" s="258"/>
      <c r="F139" s="251"/>
      <c r="G139" s="809">
        <v>-395075577.98149991</v>
      </c>
      <c r="H139" s="811"/>
    </row>
    <row r="140" spans="1:8" s="20" customFormat="1" ht="10.5" x14ac:dyDescent="0.2">
      <c r="A140" s="926" t="s">
        <v>521</v>
      </c>
      <c r="B140" s="926"/>
      <c r="C140" s="926"/>
      <c r="D140" s="926"/>
      <c r="E140" s="7"/>
      <c r="F140" s="252"/>
      <c r="G140" s="677">
        <v>0</v>
      </c>
      <c r="H140" s="906"/>
    </row>
    <row r="141" spans="1:8" s="20" customFormat="1" ht="10.5" x14ac:dyDescent="0.2">
      <c r="A141" s="926" t="s">
        <v>522</v>
      </c>
      <c r="B141" s="926"/>
      <c r="C141" s="926"/>
      <c r="D141" s="926"/>
      <c r="E141" s="7"/>
      <c r="F141" s="252"/>
      <c r="G141" s="677">
        <v>2235571.48</v>
      </c>
      <c r="H141" s="906"/>
    </row>
    <row r="142" spans="1:8" s="20" customFormat="1" ht="10.5" x14ac:dyDescent="0.2">
      <c r="A142" s="926" t="s">
        <v>523</v>
      </c>
      <c r="B142" s="926"/>
      <c r="C142" s="926"/>
      <c r="D142" s="926"/>
      <c r="E142" s="7"/>
      <c r="F142" s="252"/>
      <c r="G142" s="677">
        <v>0</v>
      </c>
      <c r="H142" s="906"/>
    </row>
    <row r="143" spans="1:8" s="20" customFormat="1" ht="10.5" x14ac:dyDescent="0.2">
      <c r="A143" s="926" t="s">
        <v>524</v>
      </c>
      <c r="B143" s="926"/>
      <c r="C143" s="926"/>
      <c r="D143" s="926"/>
      <c r="E143" s="7"/>
      <c r="F143" s="252"/>
      <c r="G143" s="665">
        <v>0</v>
      </c>
      <c r="H143" s="911"/>
    </row>
    <row r="144" spans="1:8" s="20" customFormat="1" ht="10.5" x14ac:dyDescent="0.2">
      <c r="A144" s="926" t="s">
        <v>785</v>
      </c>
      <c r="B144" s="926"/>
      <c r="C144" s="926"/>
      <c r="D144" s="926"/>
      <c r="E144" s="7"/>
      <c r="F144" s="252"/>
      <c r="G144" s="665">
        <v>0</v>
      </c>
      <c r="H144" s="666"/>
    </row>
    <row r="145" spans="1:8" s="20" customFormat="1" ht="12.75" customHeight="1" x14ac:dyDescent="0.2">
      <c r="A145" s="873" t="s">
        <v>541</v>
      </c>
      <c r="B145" s="873"/>
      <c r="C145" s="873"/>
      <c r="D145" s="873"/>
      <c r="E145" s="873"/>
      <c r="F145" s="874"/>
      <c r="G145" s="907">
        <v>999703.6</v>
      </c>
      <c r="H145" s="908"/>
    </row>
    <row r="146" spans="1:8" s="20" customFormat="1" ht="10.5" x14ac:dyDescent="0.2">
      <c r="A146" s="914" t="s">
        <v>786</v>
      </c>
      <c r="B146" s="914"/>
      <c r="C146" s="914"/>
      <c r="D146" s="914"/>
      <c r="E146" s="279"/>
      <c r="F146" s="291"/>
      <c r="G146" s="909">
        <v>-391840302.90149987</v>
      </c>
      <c r="H146" s="910"/>
    </row>
    <row r="147" spans="1:8" s="20" customFormat="1" ht="10.5" x14ac:dyDescent="0.2">
      <c r="A147" s="914" t="s">
        <v>787</v>
      </c>
      <c r="B147" s="914"/>
      <c r="C147" s="914"/>
      <c r="D147" s="914"/>
      <c r="E147" s="279"/>
      <c r="F147" s="291"/>
      <c r="G147" s="909">
        <v>2575908826.7814999</v>
      </c>
      <c r="H147" s="910"/>
    </row>
    <row r="148" spans="1:8" s="20" customFormat="1" ht="8.25" customHeight="1" x14ac:dyDescent="0.2">
      <c r="A148" s="280"/>
      <c r="B148" s="260"/>
      <c r="C148" s="260"/>
      <c r="D148" s="260"/>
      <c r="E148" s="255"/>
      <c r="F148" s="255"/>
      <c r="G148" s="610"/>
      <c r="H148" s="610"/>
    </row>
    <row r="149" spans="1:8" s="20" customFormat="1" ht="15" customHeight="1" x14ac:dyDescent="0.2">
      <c r="A149" s="244" t="s">
        <v>788</v>
      </c>
      <c r="B149" s="244"/>
      <c r="C149" s="244"/>
      <c r="D149" s="244"/>
      <c r="E149" s="279"/>
      <c r="F149" s="291"/>
      <c r="G149" s="909">
        <v>42.900855027698256</v>
      </c>
      <c r="H149" s="910"/>
    </row>
    <row r="150" spans="1:8" s="20" customFormat="1" ht="6.75" customHeight="1" x14ac:dyDescent="0.2">
      <c r="A150" s="116"/>
      <c r="B150" s="116"/>
      <c r="C150" s="116"/>
      <c r="D150" s="116"/>
      <c r="E150" s="47"/>
      <c r="F150" s="47"/>
      <c r="G150" s="92"/>
      <c r="H150" s="96"/>
    </row>
    <row r="151" spans="1:8" s="20" customFormat="1" ht="15" customHeight="1" x14ac:dyDescent="0.2">
      <c r="A151" s="868" t="s">
        <v>347</v>
      </c>
      <c r="B151" s="868"/>
      <c r="C151" s="868"/>
      <c r="D151" s="868"/>
      <c r="E151" s="868"/>
      <c r="F151" s="868"/>
      <c r="G151" s="868"/>
      <c r="H151" s="868"/>
    </row>
    <row r="152" spans="1:8" s="233" customFormat="1" ht="45.75" customHeight="1" x14ac:dyDescent="0.2">
      <c r="A152" s="864" t="s">
        <v>346</v>
      </c>
      <c r="B152" s="85" t="s">
        <v>157</v>
      </c>
      <c r="C152" s="85" t="s">
        <v>157</v>
      </c>
      <c r="D152" s="845" t="s">
        <v>158</v>
      </c>
      <c r="E152" s="838"/>
      <c r="F152" s="845" t="s">
        <v>159</v>
      </c>
      <c r="G152" s="838"/>
      <c r="H152" s="411" t="s">
        <v>783</v>
      </c>
    </row>
    <row r="153" spans="1:8" s="233" customFormat="1" ht="21" customHeight="1" x14ac:dyDescent="0.2">
      <c r="A153" s="865"/>
      <c r="B153" s="86" t="s">
        <v>111</v>
      </c>
      <c r="C153" s="86" t="s">
        <v>112</v>
      </c>
      <c r="D153" s="85" t="s">
        <v>115</v>
      </c>
      <c r="E153" s="230" t="s">
        <v>114</v>
      </c>
      <c r="F153" s="85" t="s">
        <v>115</v>
      </c>
      <c r="G153" s="230" t="s">
        <v>114</v>
      </c>
      <c r="H153" s="912" t="s">
        <v>353</v>
      </c>
    </row>
    <row r="154" spans="1:8" s="233" customFormat="1" ht="16.5" customHeight="1" x14ac:dyDescent="0.2">
      <c r="A154" s="866"/>
      <c r="B154" s="229"/>
      <c r="C154" s="228" t="s">
        <v>162</v>
      </c>
      <c r="D154" s="228" t="s">
        <v>163</v>
      </c>
      <c r="E154" s="231" t="s">
        <v>198</v>
      </c>
      <c r="F154" s="228" t="s">
        <v>164</v>
      </c>
      <c r="G154" s="231" t="s">
        <v>455</v>
      </c>
      <c r="H154" s="913"/>
    </row>
    <row r="155" spans="1:8" s="233" customFormat="1" ht="21" x14ac:dyDescent="0.2">
      <c r="A155" s="278" t="s">
        <v>789</v>
      </c>
      <c r="B155" s="351">
        <v>0</v>
      </c>
      <c r="C155" s="351">
        <v>0</v>
      </c>
      <c r="D155" s="351">
        <v>0</v>
      </c>
      <c r="E155" s="351">
        <v>0</v>
      </c>
      <c r="F155" s="355">
        <v>0</v>
      </c>
      <c r="G155" s="356">
        <v>0</v>
      </c>
      <c r="H155" s="354">
        <v>0</v>
      </c>
    </row>
    <row r="156" spans="1:8" s="233" customFormat="1" ht="12.75" customHeight="1" x14ac:dyDescent="0.2">
      <c r="A156" s="278" t="s">
        <v>790</v>
      </c>
      <c r="B156" s="351">
        <v>47811000</v>
      </c>
      <c r="C156" s="351">
        <v>47811000</v>
      </c>
      <c r="D156" s="351">
        <v>44621471.979999997</v>
      </c>
      <c r="E156" s="351">
        <v>93.32888243291292</v>
      </c>
      <c r="F156" s="351">
        <v>38443531.210000001</v>
      </c>
      <c r="G156" s="357">
        <v>80.407293739934332</v>
      </c>
      <c r="H156" s="352">
        <v>0</v>
      </c>
    </row>
    <row r="157" spans="1:8" s="233" customFormat="1" ht="12.75" customHeight="1" x14ac:dyDescent="0.2">
      <c r="A157" s="278" t="s">
        <v>791</v>
      </c>
      <c r="B157" s="351">
        <v>200000</v>
      </c>
      <c r="C157" s="351">
        <v>15982500</v>
      </c>
      <c r="D157" s="351">
        <v>13481181.640000001</v>
      </c>
      <c r="E157" s="351">
        <v>0</v>
      </c>
      <c r="F157" s="351">
        <v>10910469.4</v>
      </c>
      <c r="G157" s="357">
        <v>0</v>
      </c>
      <c r="H157" s="352">
        <v>0</v>
      </c>
    </row>
    <row r="158" spans="1:8" s="233" customFormat="1" ht="13.5" customHeight="1" x14ac:dyDescent="0.2">
      <c r="A158" s="272" t="s">
        <v>792</v>
      </c>
      <c r="B158" s="353">
        <v>161952800</v>
      </c>
      <c r="C158" s="353">
        <v>161965800</v>
      </c>
      <c r="D158" s="353">
        <v>72276992.760000005</v>
      </c>
      <c r="E158" s="353">
        <v>44.624848430965059</v>
      </c>
      <c r="F158" s="353">
        <v>47133224.43</v>
      </c>
      <c r="G158" s="358">
        <v>29.100726468180323</v>
      </c>
      <c r="H158" s="359"/>
    </row>
    <row r="159" spans="1:8" s="233" customFormat="1" ht="26.25" customHeight="1" x14ac:dyDescent="0.2">
      <c r="A159" s="245" t="s">
        <v>793</v>
      </c>
      <c r="B159" s="360">
        <v>209963800</v>
      </c>
      <c r="C159" s="361">
        <v>225759300</v>
      </c>
      <c r="D159" s="361">
        <v>130379646.38</v>
      </c>
      <c r="E159" s="361">
        <v>57.751617045233573</v>
      </c>
      <c r="F159" s="361">
        <v>96487225.039999992</v>
      </c>
      <c r="G159" s="360">
        <v>42.738981313283659</v>
      </c>
      <c r="H159" s="362">
        <v>0</v>
      </c>
    </row>
    <row r="160" spans="1:8" s="233" customFormat="1" ht="15.75" customHeight="1" x14ac:dyDescent="0.2">
      <c r="A160" s="245" t="s">
        <v>621</v>
      </c>
      <c r="B160" s="363">
        <v>1730915200</v>
      </c>
      <c r="C160" s="363">
        <v>2772932311.3899999</v>
      </c>
      <c r="D160" s="363">
        <v>2561905431.3200002</v>
      </c>
      <c r="E160" s="361">
        <v>92.389757254326298</v>
      </c>
      <c r="F160" s="332">
        <v>2280555748.9200001</v>
      </c>
      <c r="G160" s="360">
        <v>82.243469829842908</v>
      </c>
      <c r="H160" s="362">
        <v>0</v>
      </c>
    </row>
    <row r="161" spans="1:8" s="233" customFormat="1" ht="12.75" customHeight="1" x14ac:dyDescent="0.2">
      <c r="A161" s="888" t="s">
        <v>199</v>
      </c>
      <c r="B161" s="888"/>
      <c r="C161" s="829" t="s">
        <v>200</v>
      </c>
      <c r="D161" s="869"/>
      <c r="E161" s="869"/>
      <c r="F161" s="887" t="s">
        <v>808</v>
      </c>
      <c r="G161" s="888"/>
      <c r="H161" s="888"/>
    </row>
    <row r="162" spans="1:8" s="233" customFormat="1" ht="10.5" x14ac:dyDescent="0.2">
      <c r="A162" s="890"/>
      <c r="B162" s="890"/>
      <c r="C162" s="830"/>
      <c r="D162" s="870"/>
      <c r="E162" s="870"/>
      <c r="F162" s="889"/>
      <c r="G162" s="890"/>
      <c r="H162" s="890"/>
    </row>
    <row r="163" spans="1:8" s="233" customFormat="1" ht="10.5" x14ac:dyDescent="0.2">
      <c r="A163" s="892"/>
      <c r="B163" s="892"/>
      <c r="C163" s="831"/>
      <c r="D163" s="868"/>
      <c r="E163" s="868"/>
      <c r="F163" s="891"/>
      <c r="G163" s="892"/>
      <c r="H163" s="892"/>
    </row>
    <row r="164" spans="1:8" s="233" customFormat="1" ht="15.75" customHeight="1" x14ac:dyDescent="0.2">
      <c r="A164" s="883" t="s">
        <v>525</v>
      </c>
      <c r="B164" s="883"/>
      <c r="C164" s="917">
        <v>25787530.229999997</v>
      </c>
      <c r="D164" s="918"/>
      <c r="E164" s="919"/>
      <c r="F164" s="917">
        <v>999703.6</v>
      </c>
      <c r="G164" s="918"/>
      <c r="H164" s="918"/>
    </row>
    <row r="165" spans="1:8" s="20" customFormat="1" ht="10.5" x14ac:dyDescent="0.2">
      <c r="A165" s="882" t="s">
        <v>526</v>
      </c>
      <c r="B165" s="882"/>
      <c r="C165" s="920">
        <v>25787530.229999997</v>
      </c>
      <c r="D165" s="921"/>
      <c r="E165" s="924"/>
      <c r="F165" s="920">
        <v>999703.6</v>
      </c>
      <c r="G165" s="921"/>
      <c r="H165" s="921"/>
    </row>
    <row r="166" spans="1:8" s="20" customFormat="1" ht="10.5" x14ac:dyDescent="0.2">
      <c r="A166" s="905" t="s">
        <v>527</v>
      </c>
      <c r="B166" s="905"/>
      <c r="C166" s="922">
        <v>0</v>
      </c>
      <c r="D166" s="923"/>
      <c r="E166" s="925"/>
      <c r="F166" s="922">
        <v>0</v>
      </c>
      <c r="G166" s="923"/>
      <c r="H166" s="923"/>
    </row>
    <row r="167" spans="1:8" s="20" customFormat="1" ht="10.5" x14ac:dyDescent="0.2">
      <c r="A167" s="292"/>
      <c r="B167" s="491"/>
      <c r="C167" s="491"/>
      <c r="D167" s="492"/>
      <c r="E167" s="492"/>
      <c r="F167" s="492"/>
      <c r="G167" s="95"/>
      <c r="H167" s="95"/>
    </row>
    <row r="168" spans="1:8" s="233" customFormat="1" ht="10.5" x14ac:dyDescent="0.2">
      <c r="A168" s="880" t="s">
        <v>439</v>
      </c>
      <c r="B168" s="880"/>
      <c r="C168" s="880"/>
      <c r="D168" s="880"/>
      <c r="E168" s="880"/>
      <c r="F168" s="880"/>
      <c r="G168" s="829" t="s">
        <v>209</v>
      </c>
      <c r="H168" s="869"/>
    </row>
    <row r="169" spans="1:8" s="233" customFormat="1" ht="25.5" customHeight="1" x14ac:dyDescent="0.2">
      <c r="A169" s="881"/>
      <c r="B169" s="881"/>
      <c r="C169" s="881"/>
      <c r="D169" s="881"/>
      <c r="E169" s="881"/>
      <c r="F169" s="881"/>
      <c r="G169" s="831"/>
      <c r="H169" s="868"/>
    </row>
    <row r="170" spans="1:8" s="233" customFormat="1" ht="10.5" x14ac:dyDescent="0.2">
      <c r="A170" s="879" t="s">
        <v>809</v>
      </c>
      <c r="B170" s="879"/>
      <c r="C170" s="879"/>
      <c r="D170" s="879"/>
      <c r="E170" s="879"/>
      <c r="F170" s="879"/>
      <c r="G170" s="915">
        <v>26579660.64000003</v>
      </c>
      <c r="H170" s="916"/>
    </row>
    <row r="171" spans="1:8" s="233" customFormat="1" ht="10.5" x14ac:dyDescent="0.2">
      <c r="A171" s="277" t="s">
        <v>528</v>
      </c>
      <c r="B171" s="7"/>
      <c r="C171" s="7"/>
      <c r="D171" s="7"/>
      <c r="E171" s="93"/>
      <c r="F171" s="242"/>
      <c r="G171" s="903">
        <v>709681990.26999998</v>
      </c>
      <c r="H171" s="904">
        <v>100</v>
      </c>
    </row>
    <row r="172" spans="1:8" s="233" customFormat="1" ht="10.5" x14ac:dyDescent="0.2">
      <c r="A172" s="277" t="s">
        <v>529</v>
      </c>
      <c r="B172" s="7"/>
      <c r="C172" s="7"/>
      <c r="D172" s="7"/>
      <c r="E172" s="93"/>
      <c r="F172" s="242"/>
      <c r="G172" s="903">
        <v>709860843.10000002</v>
      </c>
      <c r="H172" s="904">
        <v>0</v>
      </c>
    </row>
    <row r="173" spans="1:8" s="20" customFormat="1" ht="10.5" x14ac:dyDescent="0.2">
      <c r="A173" s="15" t="s">
        <v>530</v>
      </c>
      <c r="B173" s="15"/>
      <c r="C173" s="15"/>
      <c r="D173" s="15"/>
      <c r="E173" s="90"/>
      <c r="F173" s="89"/>
      <c r="G173" s="920">
        <v>709801610.13999999</v>
      </c>
      <c r="H173" s="921"/>
    </row>
    <row r="174" spans="1:8" s="20" customFormat="1" ht="10.5" x14ac:dyDescent="0.2">
      <c r="A174" s="269" t="s">
        <v>531</v>
      </c>
      <c r="B174" s="15"/>
      <c r="C174" s="15"/>
      <c r="D174" s="15"/>
      <c r="E174" s="90"/>
      <c r="F174" s="89"/>
      <c r="G174" s="920">
        <v>59232.959999999999</v>
      </c>
      <c r="H174" s="921"/>
    </row>
    <row r="175" spans="1:8" s="233" customFormat="1" ht="17.25" customHeight="1" x14ac:dyDescent="0.2">
      <c r="A175" s="277" t="s">
        <v>532</v>
      </c>
      <c r="B175" s="7"/>
      <c r="C175" s="7"/>
      <c r="D175" s="7"/>
      <c r="E175" s="93"/>
      <c r="F175" s="242"/>
      <c r="G175" s="903">
        <v>2235571.48</v>
      </c>
      <c r="H175" s="904"/>
    </row>
    <row r="176" spans="1:8" s="233" customFormat="1" ht="10.5" x14ac:dyDescent="0.2">
      <c r="A176" s="271" t="s">
        <v>533</v>
      </c>
      <c r="B176" s="255"/>
      <c r="C176" s="255"/>
      <c r="D176" s="255"/>
      <c r="E176" s="254"/>
      <c r="F176" s="261"/>
      <c r="G176" s="893">
        <v>28636379.289999943</v>
      </c>
      <c r="H176" s="894"/>
    </row>
    <row r="177" spans="1:8" s="20" customFormat="1" ht="10.5" x14ac:dyDescent="0.2">
      <c r="A177" s="51" t="s">
        <v>865</v>
      </c>
      <c r="H177" s="314"/>
    </row>
    <row r="178" spans="1:8" s="20" customFormat="1" ht="15.75" customHeight="1" x14ac:dyDescent="0.2">
      <c r="A178" s="876" t="s">
        <v>633</v>
      </c>
      <c r="B178" s="877"/>
      <c r="C178" s="877"/>
      <c r="D178" s="877"/>
      <c r="E178" s="877"/>
      <c r="F178" s="877"/>
    </row>
    <row r="179" spans="1:8" s="20" customFormat="1" ht="26.25" customHeight="1" x14ac:dyDescent="0.2">
      <c r="A179" s="875" t="s">
        <v>634</v>
      </c>
      <c r="B179" s="878"/>
      <c r="C179" s="878"/>
      <c r="D179" s="878"/>
      <c r="E179" s="878"/>
      <c r="F179" s="878"/>
    </row>
    <row r="180" spans="1:8" s="20" customFormat="1" x14ac:dyDescent="0.2">
      <c r="A180" s="875" t="s">
        <v>635</v>
      </c>
      <c r="B180" s="875"/>
      <c r="C180" s="875"/>
      <c r="D180" s="875"/>
      <c r="E180" s="875"/>
      <c r="F180" s="875"/>
    </row>
    <row r="181" spans="1:8" ht="15" customHeight="1" x14ac:dyDescent="0.2">
      <c r="A181" s="875" t="s">
        <v>636</v>
      </c>
      <c r="B181" s="875"/>
      <c r="C181" s="875"/>
      <c r="D181" s="875"/>
      <c r="E181" s="875"/>
      <c r="F181" s="875"/>
    </row>
    <row r="182" spans="1:8" x14ac:dyDescent="0.2">
      <c r="A182" s="875" t="s">
        <v>637</v>
      </c>
      <c r="B182" s="875"/>
      <c r="C182" s="875"/>
      <c r="D182" s="875"/>
      <c r="E182" s="875"/>
      <c r="F182" s="875"/>
    </row>
    <row r="183" spans="1:8" ht="21" customHeight="1" x14ac:dyDescent="0.2">
      <c r="A183" s="867" t="s">
        <v>638</v>
      </c>
      <c r="B183" s="867"/>
      <c r="C183" s="867"/>
      <c r="D183" s="867"/>
      <c r="E183" s="867"/>
      <c r="F183" s="867"/>
      <c r="G183" s="867"/>
      <c r="H183" s="867"/>
    </row>
    <row r="184" spans="1:8" ht="14.45" customHeight="1" x14ac:dyDescent="0.2">
      <c r="A184" s="867" t="s">
        <v>632</v>
      </c>
      <c r="B184" s="867"/>
      <c r="C184" s="867"/>
    </row>
    <row r="191" spans="1:8" s="51" customFormat="1" ht="11.25" customHeight="1" x14ac:dyDescent="0.2"/>
    <row r="192" spans="1:8" s="51" customFormat="1" ht="11.25" customHeight="1" x14ac:dyDescent="0.2"/>
    <row r="193" s="51" customFormat="1" ht="11.25" customHeight="1" x14ac:dyDescent="0.2"/>
    <row r="194" s="51" customFormat="1" ht="11.25" customHeight="1" x14ac:dyDescent="0.2"/>
    <row r="195" s="51" customFormat="1" ht="11.25" customHeight="1" x14ac:dyDescent="0.2"/>
    <row r="196" s="51" customFormat="1" ht="11.25" customHeight="1" x14ac:dyDescent="0.2"/>
    <row r="197" s="51" customFormat="1" ht="11.25" customHeight="1" x14ac:dyDescent="0.2"/>
  </sheetData>
  <customSheetViews>
    <customSheetView guid="{C779D862-DE28-46CD-A428-4AAA1056D1E1}" scale="90" showPageBreaks="1" showGridLines="0" fitToPage="1" printArea="1">
      <selection activeCell="I70" sqref="I70:J70"/>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82EDB5A4-4824-4632-A540-7A52C92F04C7}" showPageBreaks="1" showGridLines="0" fitToPage="1" printArea="1">
      <selection activeCell="M83" sqref="M83"/>
      <pageMargins left="0.19685039370078741" right="0.19685039370078741" top="0.39370078740157483" bottom="0.39370078740157483" header="0" footer="0"/>
      <printOptions horizontalCentered="1"/>
      <pageSetup paperSize="9" scale="49" fitToHeight="2" orientation="portrait" r:id="rId2"/>
      <headerFooter alignWithMargins="0"/>
    </customSheetView>
    <customSheetView guid="{6DBFA32C-4AA4-4E1D-9A48-697377C64CC3}" showGridLines="0" fitToPage="1" topLeftCell="A153">
      <selection activeCell="G173" sqref="G173:H173"/>
      <pageMargins left="0.19685039370078741" right="0.19685039370078741" top="0.39370078740157483" bottom="0.39370078740157483" header="0" footer="0"/>
      <printOptions horizontalCentered="1"/>
      <pageSetup paperSize="9" scale="49" fitToHeight="2" orientation="portrait" r:id="rId3"/>
      <headerFooter alignWithMargins="0"/>
    </customSheetView>
    <customSheetView guid="{25EF1E0D-169B-4051-B414-7E1196FC05E4}" showGridLines="0" fitToPage="1" topLeftCell="B157">
      <selection activeCell="F165" sqref="F165:H165"/>
      <pageMargins left="0.19685039370078741" right="0.19685039370078741" top="0.19685039370078741" bottom="0.19685039370078741" header="0.51181102362204722" footer="0"/>
      <printOptions horizontalCentered="1"/>
      <pageSetup scale="50" fitToHeight="2" orientation="portrait"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3AAF6A5F-F9AA-430B-9AD9-1261ECDF41B5}" showPageBreaks="1" showGridLines="0" fitToPage="1" printArea="1">
      <selection activeCell="M83" sqref="M83"/>
      <pageMargins left="0.19685039370078741" right="0.19685039370078741" top="0.59055118110236227" bottom="0.59055118110236227" header="0" footer="0"/>
      <printOptions horizontalCentered="1"/>
      <pageSetup paperSize="9" scale="49" fitToHeight="2" orientation="portrait" r:id="rId7"/>
      <headerFooter alignWithMargins="0"/>
    </customSheetView>
  </customSheetViews>
  <mergeCells count="346">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D73:E73"/>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D72:E72"/>
    <mergeCell ref="F72:H72"/>
    <mergeCell ref="A71:H71"/>
    <mergeCell ref="B73:C73"/>
    <mergeCell ref="F38:G38"/>
    <mergeCell ref="B39:C39"/>
    <mergeCell ref="D39:E39"/>
    <mergeCell ref="F39:G39"/>
    <mergeCell ref="B40:C40"/>
    <mergeCell ref="D40:E40"/>
    <mergeCell ref="F40:G40"/>
    <mergeCell ref="F41:G41"/>
    <mergeCell ref="B42:C42"/>
    <mergeCell ref="D42:E42"/>
    <mergeCell ref="F42:G42"/>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D89:E89"/>
    <mergeCell ref="F89:G89"/>
    <mergeCell ref="A105:F105"/>
    <mergeCell ref="A89:A91"/>
    <mergeCell ref="D27:E27"/>
    <mergeCell ref="F27:G27"/>
    <mergeCell ref="B28:C28"/>
    <mergeCell ref="D28:E28"/>
    <mergeCell ref="F28:G28"/>
    <mergeCell ref="B29:C29"/>
    <mergeCell ref="D29:E29"/>
    <mergeCell ref="F29:G29"/>
    <mergeCell ref="B30:C30"/>
    <mergeCell ref="D30:E30"/>
    <mergeCell ref="F30:G30"/>
    <mergeCell ref="B31:C31"/>
    <mergeCell ref="B55:C55"/>
    <mergeCell ref="D55:E55"/>
    <mergeCell ref="D36:E36"/>
    <mergeCell ref="F36:G36"/>
    <mergeCell ref="B37:C37"/>
    <mergeCell ref="F37:G37"/>
    <mergeCell ref="B38:C38"/>
    <mergeCell ref="D38:E38"/>
    <mergeCell ref="B13:C13"/>
    <mergeCell ref="D13:E13"/>
    <mergeCell ref="F13:G13"/>
    <mergeCell ref="B14:C14"/>
    <mergeCell ref="D14:E14"/>
    <mergeCell ref="F14:G14"/>
    <mergeCell ref="B15:C15"/>
    <mergeCell ref="D15:E15"/>
    <mergeCell ref="F15:G15"/>
    <mergeCell ref="F22:G22"/>
    <mergeCell ref="B23:C23"/>
    <mergeCell ref="D23:E23"/>
    <mergeCell ref="D79:E79"/>
    <mergeCell ref="D80:E80"/>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B57:C57"/>
    <mergeCell ref="D57:E57"/>
    <mergeCell ref="F57:G57"/>
    <mergeCell ref="F78:G78"/>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B20:C20"/>
    <mergeCell ref="F20:G20"/>
    <mergeCell ref="B21:C21"/>
    <mergeCell ref="F21:G21"/>
    <mergeCell ref="D21:E21"/>
    <mergeCell ref="B48:C48"/>
    <mergeCell ref="B49:C49"/>
    <mergeCell ref="D24:E24"/>
    <mergeCell ref="D37:E37"/>
    <mergeCell ref="B41:C41"/>
    <mergeCell ref="D41:E41"/>
    <mergeCell ref="B117:C117"/>
    <mergeCell ref="B118:C118"/>
    <mergeCell ref="B51:C51"/>
    <mergeCell ref="D82:E82"/>
    <mergeCell ref="B22:C22"/>
    <mergeCell ref="D22:E22"/>
    <mergeCell ref="B75:C75"/>
    <mergeCell ref="B76:C76"/>
    <mergeCell ref="B77:C77"/>
    <mergeCell ref="B78:C78"/>
    <mergeCell ref="D75:E75"/>
    <mergeCell ref="D76:E76"/>
    <mergeCell ref="D77:E77"/>
    <mergeCell ref="D78:E78"/>
    <mergeCell ref="D67:E67"/>
    <mergeCell ref="B69:C69"/>
    <mergeCell ref="D59:E59"/>
    <mergeCell ref="D61:E61"/>
    <mergeCell ref="D62:E62"/>
    <mergeCell ref="B79:C79"/>
    <mergeCell ref="B70:C70"/>
    <mergeCell ref="D70:E70"/>
    <mergeCell ref="F70:G70"/>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s>
  <printOptions horizontalCentered="1"/>
  <pageMargins left="0.19685039370078741" right="0.19685039370078741" top="0.39370078740157483" bottom="0.59055118110236227" header="0" footer="0"/>
  <pageSetup paperSize="9" scale="49"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136"/>
  <sheetViews>
    <sheetView showGridLines="0" zoomScaleNormal="100" workbookViewId="0"/>
  </sheetViews>
  <sheetFormatPr defaultRowHeight="10.5" x14ac:dyDescent="0.2"/>
  <cols>
    <col min="1" max="1" width="63.140625" style="83" customWidth="1"/>
    <col min="2" max="2" width="19" style="83" bestFit="1" customWidth="1"/>
    <col min="3" max="3" width="19.5703125" style="83" customWidth="1"/>
    <col min="4" max="4" width="19" style="83" customWidth="1"/>
    <col min="5" max="5" width="17.28515625" style="83" customWidth="1"/>
    <col min="6" max="6" width="19" style="83" bestFit="1" customWidth="1"/>
    <col min="7" max="7" width="17.85546875" style="83" customWidth="1"/>
    <col min="8" max="8" width="15.7109375" style="83" customWidth="1"/>
    <col min="9" max="16384" width="9.140625" style="83"/>
  </cols>
  <sheetData>
    <row r="1" spans="1:8" s="144" customFormat="1" x14ac:dyDescent="0.2">
      <c r="A1" s="142"/>
      <c r="B1" s="142"/>
      <c r="C1" s="142"/>
      <c r="D1" s="142"/>
      <c r="E1" s="142"/>
      <c r="F1" s="142"/>
      <c r="G1" s="142"/>
    </row>
    <row r="2" spans="1:8" s="144" customFormat="1" x14ac:dyDescent="0.2">
      <c r="A2" s="145"/>
      <c r="B2" s="145"/>
      <c r="C2" s="145"/>
      <c r="D2" s="145"/>
      <c r="E2" s="145"/>
    </row>
    <row r="3" spans="1:8" s="148" customFormat="1" x14ac:dyDescent="0.2">
      <c r="A3" s="979" t="s">
        <v>641</v>
      </c>
      <c r="B3" s="979"/>
      <c r="C3" s="979"/>
      <c r="D3" s="979"/>
      <c r="E3" s="979"/>
      <c r="F3" s="979"/>
      <c r="G3" s="979"/>
      <c r="H3" s="979"/>
    </row>
    <row r="4" spans="1:8" s="148" customFormat="1" x14ac:dyDescent="0.2">
      <c r="A4" s="979" t="s">
        <v>105</v>
      </c>
      <c r="B4" s="979"/>
      <c r="C4" s="979"/>
      <c r="D4" s="979"/>
      <c r="E4" s="979"/>
      <c r="F4" s="979"/>
      <c r="G4" s="979"/>
      <c r="H4" s="979"/>
    </row>
    <row r="5" spans="1:8" s="148" customFormat="1" x14ac:dyDescent="0.2">
      <c r="A5" s="837" t="s">
        <v>393</v>
      </c>
      <c r="B5" s="837"/>
      <c r="C5" s="837"/>
      <c r="D5" s="837"/>
      <c r="E5" s="837"/>
      <c r="F5" s="837"/>
      <c r="G5" s="837"/>
      <c r="H5" s="837"/>
    </row>
    <row r="6" spans="1:8" s="148" customFormat="1" x14ac:dyDescent="0.2">
      <c r="A6" s="979" t="s">
        <v>107</v>
      </c>
      <c r="B6" s="979"/>
      <c r="C6" s="979"/>
      <c r="D6" s="979"/>
      <c r="E6" s="979"/>
      <c r="F6" s="979"/>
      <c r="G6" s="979"/>
      <c r="H6" s="979"/>
    </row>
    <row r="7" spans="1:8" s="148" customFormat="1" x14ac:dyDescent="0.2">
      <c r="A7" s="979" t="s">
        <v>872</v>
      </c>
      <c r="B7" s="979"/>
      <c r="C7" s="979"/>
      <c r="D7" s="979"/>
      <c r="E7" s="979"/>
      <c r="F7" s="979"/>
      <c r="G7" s="979"/>
      <c r="H7" s="979"/>
    </row>
    <row r="8" spans="1:8" s="144" customFormat="1" x14ac:dyDescent="0.2">
      <c r="A8" s="145"/>
      <c r="B8" s="145"/>
      <c r="C8" s="145"/>
      <c r="D8" s="145"/>
      <c r="E8" s="145"/>
    </row>
    <row r="9" spans="1:8" s="144" customFormat="1" x14ac:dyDescent="0.2">
      <c r="A9" s="146" t="s">
        <v>417</v>
      </c>
      <c r="B9" s="143"/>
      <c r="C9" s="143"/>
      <c r="D9" s="143"/>
      <c r="H9" s="236">
        <v>1</v>
      </c>
    </row>
    <row r="10" spans="1:8" ht="15" customHeight="1" x14ac:dyDescent="0.2">
      <c r="A10" s="864" t="s">
        <v>394</v>
      </c>
      <c r="B10" s="952" t="s">
        <v>429</v>
      </c>
      <c r="C10" s="829" t="s">
        <v>235</v>
      </c>
      <c r="D10" s="846"/>
      <c r="E10" s="845" t="s">
        <v>109</v>
      </c>
      <c r="F10" s="838"/>
      <c r="G10" s="838"/>
      <c r="H10" s="838"/>
    </row>
    <row r="11" spans="1:8" ht="15" customHeight="1" x14ac:dyDescent="0.2">
      <c r="A11" s="865"/>
      <c r="B11" s="953"/>
      <c r="C11" s="830"/>
      <c r="D11" s="843"/>
      <c r="E11" s="829" t="s">
        <v>115</v>
      </c>
      <c r="F11" s="846"/>
      <c r="G11" s="829" t="s">
        <v>114</v>
      </c>
      <c r="H11" s="869"/>
    </row>
    <row r="12" spans="1:8" ht="15" customHeight="1" x14ac:dyDescent="0.2">
      <c r="A12" s="866"/>
      <c r="B12" s="954"/>
      <c r="C12" s="839" t="s">
        <v>116</v>
      </c>
      <c r="D12" s="840"/>
      <c r="E12" s="839" t="s">
        <v>117</v>
      </c>
      <c r="F12" s="840"/>
      <c r="G12" s="839" t="s">
        <v>224</v>
      </c>
      <c r="H12" s="951"/>
    </row>
    <row r="13" spans="1:8" s="300" customFormat="1" ht="15" customHeight="1" x14ac:dyDescent="0.2">
      <c r="A13" s="106" t="s">
        <v>405</v>
      </c>
      <c r="B13" s="611">
        <v>7821678000</v>
      </c>
      <c r="C13" s="860">
        <v>7823345421.1700001</v>
      </c>
      <c r="D13" s="861"/>
      <c r="E13" s="860">
        <v>6712114040.8499994</v>
      </c>
      <c r="F13" s="861">
        <v>443174488.76999998</v>
      </c>
      <c r="G13" s="860">
        <v>85.795956582550929</v>
      </c>
      <c r="H13" s="945"/>
    </row>
    <row r="14" spans="1:8" x14ac:dyDescent="0.2">
      <c r="A14" s="88" t="s">
        <v>406</v>
      </c>
      <c r="B14" s="612">
        <v>105800000</v>
      </c>
      <c r="C14" s="847">
        <v>105800000</v>
      </c>
      <c r="D14" s="851">
        <v>105800000</v>
      </c>
      <c r="E14" s="847">
        <v>79121866.569999993</v>
      </c>
      <c r="F14" s="851">
        <v>79121866.569999993</v>
      </c>
      <c r="G14" s="847">
        <v>74.784372939508501</v>
      </c>
      <c r="H14" s="848">
        <v>74.784372939508501</v>
      </c>
    </row>
    <row r="15" spans="1:8" ht="21" x14ac:dyDescent="0.2">
      <c r="A15" s="88" t="s">
        <v>441</v>
      </c>
      <c r="B15" s="612">
        <v>6815191000</v>
      </c>
      <c r="C15" s="847">
        <v>6815191000</v>
      </c>
      <c r="D15" s="851"/>
      <c r="E15" s="847">
        <v>5841645953.5100002</v>
      </c>
      <c r="F15" s="851"/>
      <c r="G15" s="847">
        <v>85.715073187383894</v>
      </c>
      <c r="H15" s="848"/>
    </row>
    <row r="16" spans="1:8" x14ac:dyDescent="0.2">
      <c r="A16" s="88" t="s">
        <v>407</v>
      </c>
      <c r="B16" s="612">
        <v>329900000</v>
      </c>
      <c r="C16" s="847">
        <v>329900000</v>
      </c>
      <c r="D16" s="851"/>
      <c r="E16" s="847">
        <v>317158058.64999998</v>
      </c>
      <c r="F16" s="851"/>
      <c r="G16" s="847">
        <v>96.137635237950889</v>
      </c>
      <c r="H16" s="848"/>
    </row>
    <row r="17" spans="1:8" ht="12.75" customHeight="1" x14ac:dyDescent="0.2">
      <c r="A17" s="88" t="s">
        <v>395</v>
      </c>
      <c r="B17" s="612">
        <v>510400000</v>
      </c>
      <c r="C17" s="847">
        <v>510400000</v>
      </c>
      <c r="D17" s="851"/>
      <c r="E17" s="847">
        <v>427293598.56999999</v>
      </c>
      <c r="F17" s="851"/>
      <c r="G17" s="847">
        <v>83.717397838949836</v>
      </c>
      <c r="H17" s="848"/>
    </row>
    <row r="18" spans="1:8" ht="10.5" customHeight="1" x14ac:dyDescent="0.2">
      <c r="A18" s="88" t="s">
        <v>408</v>
      </c>
      <c r="B18" s="342">
        <v>52910000</v>
      </c>
      <c r="C18" s="980">
        <v>52910000</v>
      </c>
      <c r="D18" s="981"/>
      <c r="E18" s="847">
        <v>37750142.380000003</v>
      </c>
      <c r="F18" s="851">
        <v>37750142.380000003</v>
      </c>
      <c r="G18" s="847">
        <v>71.347840446040451</v>
      </c>
      <c r="H18" s="848"/>
    </row>
    <row r="19" spans="1:8" ht="12.75" customHeight="1" x14ac:dyDescent="0.2">
      <c r="A19" s="88" t="s">
        <v>409</v>
      </c>
      <c r="B19" s="612">
        <v>7477000</v>
      </c>
      <c r="C19" s="980">
        <v>9144421.1699999999</v>
      </c>
      <c r="D19" s="981"/>
      <c r="E19" s="847">
        <v>9144421.1699999999</v>
      </c>
      <c r="F19" s="851">
        <v>9144421.1699999999</v>
      </c>
      <c r="G19" s="847">
        <v>100</v>
      </c>
      <c r="H19" s="848"/>
    </row>
    <row r="20" spans="1:8" ht="12.75" customHeight="1" x14ac:dyDescent="0.2">
      <c r="A20" s="88" t="s">
        <v>410</v>
      </c>
      <c r="B20" s="612">
        <v>0</v>
      </c>
      <c r="C20" s="847">
        <v>0</v>
      </c>
      <c r="D20" s="851"/>
      <c r="E20" s="847">
        <v>0</v>
      </c>
      <c r="F20" s="851">
        <v>317158058.64999998</v>
      </c>
      <c r="G20" s="847">
        <v>0</v>
      </c>
      <c r="H20" s="848"/>
    </row>
    <row r="21" spans="1:8" s="300" customFormat="1" ht="15" customHeight="1" x14ac:dyDescent="0.2">
      <c r="A21" s="301" t="s">
        <v>442</v>
      </c>
      <c r="B21" s="613">
        <v>1158800000</v>
      </c>
      <c r="C21" s="854">
        <v>1164869040.4400001</v>
      </c>
      <c r="D21" s="855">
        <v>1164869040.4400001</v>
      </c>
      <c r="E21" s="854">
        <v>931454997.09000003</v>
      </c>
      <c r="F21" s="855"/>
      <c r="G21" s="854">
        <v>79.962207317156114</v>
      </c>
      <c r="H21" s="955"/>
    </row>
    <row r="22" spans="1:8" x14ac:dyDescent="0.2">
      <c r="A22" s="88" t="s">
        <v>411</v>
      </c>
      <c r="B22" s="614">
        <v>1070500000</v>
      </c>
      <c r="C22" s="847">
        <v>1070500000</v>
      </c>
      <c r="D22" s="851">
        <v>1070500000</v>
      </c>
      <c r="E22" s="847">
        <v>840138659.75999999</v>
      </c>
      <c r="F22" s="851">
        <v>840138659.75999999</v>
      </c>
      <c r="G22" s="847">
        <v>78.480958408220459</v>
      </c>
      <c r="H22" s="848">
        <v>78.480958408220459</v>
      </c>
    </row>
    <row r="23" spans="1:8" x14ac:dyDescent="0.2">
      <c r="A23" s="88" t="s">
        <v>412</v>
      </c>
      <c r="B23" s="614">
        <v>70200000</v>
      </c>
      <c r="C23" s="847">
        <v>76269040.439999998</v>
      </c>
      <c r="D23" s="851">
        <v>18100000</v>
      </c>
      <c r="E23" s="847">
        <v>76269040.439999998</v>
      </c>
      <c r="F23" s="851">
        <v>15047296.890000001</v>
      </c>
      <c r="G23" s="847">
        <v>0</v>
      </c>
      <c r="H23" s="848">
        <v>83.134236961325968</v>
      </c>
    </row>
    <row r="24" spans="1:8" ht="21" x14ac:dyDescent="0.2">
      <c r="A24" s="88" t="s">
        <v>413</v>
      </c>
      <c r="B24" s="614">
        <v>18100000</v>
      </c>
      <c r="C24" s="847">
        <v>18100000</v>
      </c>
      <c r="D24" s="851">
        <v>76269040.439999998</v>
      </c>
      <c r="E24" s="847">
        <v>15047296.890000001</v>
      </c>
      <c r="F24" s="851">
        <v>76269040.439999998</v>
      </c>
      <c r="G24" s="847">
        <v>83.134236961325968</v>
      </c>
      <c r="H24" s="848">
        <v>100</v>
      </c>
    </row>
    <row r="25" spans="1:8" x14ac:dyDescent="0.2">
      <c r="A25" s="88" t="s">
        <v>414</v>
      </c>
      <c r="B25" s="614">
        <v>18100000</v>
      </c>
      <c r="C25" s="847">
        <v>18100000</v>
      </c>
      <c r="D25" s="851">
        <v>0</v>
      </c>
      <c r="E25" s="847">
        <v>15047296.890000001</v>
      </c>
      <c r="F25" s="851">
        <v>0</v>
      </c>
      <c r="G25" s="847">
        <v>0</v>
      </c>
      <c r="H25" s="848">
        <v>0</v>
      </c>
    </row>
    <row r="26" spans="1:8" x14ac:dyDescent="0.2">
      <c r="A26" s="88" t="s">
        <v>415</v>
      </c>
      <c r="B26" s="614">
        <v>0</v>
      </c>
      <c r="C26" s="847">
        <v>0</v>
      </c>
      <c r="D26" s="851"/>
      <c r="E26" s="847">
        <v>0</v>
      </c>
      <c r="F26" s="851"/>
      <c r="G26" s="847">
        <v>0</v>
      </c>
      <c r="H26" s="848">
        <v>85.039904984319392</v>
      </c>
    </row>
    <row r="27" spans="1:8" s="300" customFormat="1" ht="25.5" customHeight="1" x14ac:dyDescent="0.2">
      <c r="A27" s="301" t="s">
        <v>443</v>
      </c>
      <c r="B27" s="611">
        <v>1886172750</v>
      </c>
      <c r="C27" s="854">
        <v>1888115905.9675</v>
      </c>
      <c r="D27" s="855">
        <v>1888115905.9675</v>
      </c>
      <c r="E27" s="854">
        <v>1639239228.8525</v>
      </c>
      <c r="F27" s="855">
        <v>1639239228.8525</v>
      </c>
      <c r="G27" s="854">
        <v>86.818781816920733</v>
      </c>
      <c r="H27" s="955">
        <v>281.2720775254902</v>
      </c>
    </row>
    <row r="28" spans="1:8" x14ac:dyDescent="0.2">
      <c r="A28" s="88" t="s">
        <v>444</v>
      </c>
      <c r="B28" s="614">
        <v>1696655250</v>
      </c>
      <c r="C28" s="847">
        <v>1697063064.7275</v>
      </c>
      <c r="D28" s="851">
        <v>1697063064.7275</v>
      </c>
      <c r="E28" s="847">
        <v>1455961768.3325</v>
      </c>
      <c r="F28" s="851">
        <v>1455961768.3325</v>
      </c>
      <c r="G28" s="847">
        <v>85.793026705597768</v>
      </c>
      <c r="H28" s="848">
        <v>85.793026705597768</v>
      </c>
    </row>
    <row r="29" spans="1:8" x14ac:dyDescent="0.2">
      <c r="A29" s="88" t="s">
        <v>445</v>
      </c>
      <c r="B29" s="614">
        <v>171967500</v>
      </c>
      <c r="C29" s="847">
        <v>171985581.13</v>
      </c>
      <c r="D29" s="851">
        <v>171985581.13</v>
      </c>
      <c r="E29" s="847">
        <v>164210200.41</v>
      </c>
      <c r="F29" s="851">
        <v>164210200.41</v>
      </c>
      <c r="G29" s="847">
        <v>95.479050819892421</v>
      </c>
      <c r="H29" s="848">
        <v>95.479050819892421</v>
      </c>
    </row>
    <row r="30" spans="1:8" x14ac:dyDescent="0.2">
      <c r="A30" s="88" t="s">
        <v>446</v>
      </c>
      <c r="B30" s="614">
        <v>17550000</v>
      </c>
      <c r="C30" s="847">
        <v>19067260.109999999</v>
      </c>
      <c r="D30" s="851">
        <v>19067260.109999999</v>
      </c>
      <c r="E30" s="847">
        <v>19067260.109999999</v>
      </c>
      <c r="F30" s="851">
        <v>19067260.109999999</v>
      </c>
      <c r="G30" s="847">
        <v>100</v>
      </c>
      <c r="H30" s="848">
        <v>100</v>
      </c>
    </row>
    <row r="31" spans="1:8" ht="24.95" customHeight="1" x14ac:dyDescent="0.2">
      <c r="A31" s="297" t="s">
        <v>447</v>
      </c>
      <c r="B31" s="615">
        <v>7094305250</v>
      </c>
      <c r="C31" s="899">
        <v>7100098555.6425009</v>
      </c>
      <c r="D31" s="900">
        <v>7100098555.6425009</v>
      </c>
      <c r="E31" s="899">
        <v>6004329809.0874996</v>
      </c>
      <c r="F31" s="900">
        <v>-1196064740.0825</v>
      </c>
      <c r="G31" s="899">
        <v>84.566851601176921</v>
      </c>
      <c r="H31" s="957">
        <v>-281.2720775254902</v>
      </c>
    </row>
    <row r="32" spans="1:8" x14ac:dyDescent="0.2">
      <c r="A32" s="90"/>
      <c r="B32" s="93"/>
      <c r="C32" s="90"/>
      <c r="D32" s="348"/>
      <c r="E32" s="90"/>
      <c r="F32" s="378"/>
      <c r="G32" s="90"/>
      <c r="H32" s="90"/>
    </row>
    <row r="33" spans="1:8" ht="15" customHeight="1" x14ac:dyDescent="0.2">
      <c r="A33" s="869" t="s">
        <v>396</v>
      </c>
      <c r="B33" s="952" t="s">
        <v>429</v>
      </c>
      <c r="C33" s="829" t="s">
        <v>235</v>
      </c>
      <c r="D33" s="846"/>
      <c r="E33" s="845" t="s">
        <v>109</v>
      </c>
      <c r="F33" s="838"/>
      <c r="G33" s="838"/>
      <c r="H33" s="838"/>
    </row>
    <row r="34" spans="1:8" ht="15" customHeight="1" x14ac:dyDescent="0.2">
      <c r="A34" s="870"/>
      <c r="B34" s="953"/>
      <c r="C34" s="830"/>
      <c r="D34" s="843"/>
      <c r="E34" s="829" t="s">
        <v>115</v>
      </c>
      <c r="F34" s="846"/>
      <c r="G34" s="829" t="s">
        <v>114</v>
      </c>
      <c r="H34" s="869"/>
    </row>
    <row r="35" spans="1:8" ht="15" customHeight="1" x14ac:dyDescent="0.2">
      <c r="A35" s="868"/>
      <c r="B35" s="954"/>
      <c r="C35" s="831" t="s">
        <v>152</v>
      </c>
      <c r="D35" s="844"/>
      <c r="E35" s="831" t="s">
        <v>162</v>
      </c>
      <c r="F35" s="844"/>
      <c r="G35" s="831" t="s">
        <v>225</v>
      </c>
      <c r="H35" s="868"/>
    </row>
    <row r="36" spans="1:8" s="300" customFormat="1" ht="15.75" customHeight="1" x14ac:dyDescent="0.2">
      <c r="A36" s="299" t="s">
        <v>356</v>
      </c>
      <c r="B36" s="580">
        <v>213056800</v>
      </c>
      <c r="C36" s="860">
        <v>220455247.78</v>
      </c>
      <c r="D36" s="861">
        <v>0</v>
      </c>
      <c r="E36" s="860">
        <v>154464958.84</v>
      </c>
      <c r="F36" s="861">
        <v>0</v>
      </c>
      <c r="G36" s="860">
        <v>70.066356049798358</v>
      </c>
      <c r="H36" s="945">
        <v>0</v>
      </c>
    </row>
    <row r="37" spans="1:8" x14ac:dyDescent="0.2">
      <c r="A37" s="94" t="s">
        <v>397</v>
      </c>
      <c r="B37" s="578">
        <v>167526000</v>
      </c>
      <c r="C37" s="847">
        <v>167526000</v>
      </c>
      <c r="D37" s="851"/>
      <c r="E37" s="847">
        <v>101535711.06</v>
      </c>
      <c r="F37" s="851"/>
      <c r="G37" s="847">
        <v>60.60892700834497</v>
      </c>
      <c r="H37" s="848"/>
    </row>
    <row r="38" spans="1:8" x14ac:dyDescent="0.2">
      <c r="A38" s="94" t="s">
        <v>416</v>
      </c>
      <c r="B38" s="578">
        <v>0</v>
      </c>
      <c r="C38" s="847">
        <v>0</v>
      </c>
      <c r="D38" s="851"/>
      <c r="E38" s="847">
        <v>0</v>
      </c>
      <c r="F38" s="851"/>
      <c r="G38" s="847">
        <v>0</v>
      </c>
      <c r="H38" s="848"/>
    </row>
    <row r="39" spans="1:8" x14ac:dyDescent="0.2">
      <c r="A39" s="94" t="s">
        <v>398</v>
      </c>
      <c r="B39" s="578">
        <v>0</v>
      </c>
      <c r="C39" s="847">
        <v>0</v>
      </c>
      <c r="D39" s="851"/>
      <c r="E39" s="847">
        <v>0</v>
      </c>
      <c r="F39" s="851"/>
      <c r="G39" s="847">
        <v>0</v>
      </c>
      <c r="H39" s="848"/>
    </row>
    <row r="40" spans="1:8" x14ac:dyDescent="0.2">
      <c r="A40" s="94" t="s">
        <v>448</v>
      </c>
      <c r="B40" s="578">
        <v>45530800</v>
      </c>
      <c r="C40" s="847">
        <v>52929247.780000001</v>
      </c>
      <c r="D40" s="851"/>
      <c r="E40" s="847">
        <v>52929247.780000001</v>
      </c>
      <c r="F40" s="851"/>
      <c r="G40" s="847">
        <v>100</v>
      </c>
      <c r="H40" s="848"/>
    </row>
    <row r="41" spans="1:8" s="300" customFormat="1" ht="15" customHeight="1" x14ac:dyDescent="0.2">
      <c r="A41" s="299" t="s">
        <v>399</v>
      </c>
      <c r="B41" s="579">
        <v>0</v>
      </c>
      <c r="C41" s="854">
        <v>0</v>
      </c>
      <c r="D41" s="855"/>
      <c r="E41" s="854">
        <v>0</v>
      </c>
      <c r="F41" s="855"/>
      <c r="G41" s="854">
        <v>0</v>
      </c>
      <c r="H41" s="955"/>
    </row>
    <row r="42" spans="1:8" s="300" customFormat="1" ht="15" customHeight="1" x14ac:dyDescent="0.2">
      <c r="A42" s="241" t="s">
        <v>352</v>
      </c>
      <c r="B42" s="579">
        <v>0</v>
      </c>
      <c r="C42" s="847">
        <v>0</v>
      </c>
      <c r="D42" s="851"/>
      <c r="E42" s="854">
        <v>0</v>
      </c>
      <c r="F42" s="855"/>
      <c r="G42" s="854">
        <v>0</v>
      </c>
      <c r="H42" s="955"/>
    </row>
    <row r="43" spans="1:8" s="300" customFormat="1" ht="15" customHeight="1" x14ac:dyDescent="0.2">
      <c r="A43" s="284" t="s">
        <v>449</v>
      </c>
      <c r="B43" s="616">
        <v>0</v>
      </c>
      <c r="C43" s="847">
        <v>0</v>
      </c>
      <c r="D43" s="851"/>
      <c r="E43" s="854">
        <v>0</v>
      </c>
      <c r="F43" s="855"/>
      <c r="G43" s="901">
        <v>0</v>
      </c>
      <c r="H43" s="956"/>
    </row>
    <row r="44" spans="1:8" ht="15" customHeight="1" x14ac:dyDescent="0.2">
      <c r="A44" s="244" t="s">
        <v>400</v>
      </c>
      <c r="B44" s="615">
        <v>213056800</v>
      </c>
      <c r="C44" s="899">
        <v>220455247.78</v>
      </c>
      <c r="D44" s="900">
        <v>0</v>
      </c>
      <c r="E44" s="899">
        <v>154464958.84</v>
      </c>
      <c r="F44" s="900">
        <v>0</v>
      </c>
      <c r="G44" s="899">
        <v>70.066356049798358</v>
      </c>
      <c r="H44" s="957"/>
    </row>
    <row r="45" spans="1:8" x14ac:dyDescent="0.2">
      <c r="A45" s="93"/>
      <c r="B45" s="96"/>
      <c r="C45" s="96"/>
      <c r="D45" s="96"/>
      <c r="E45" s="96"/>
    </row>
    <row r="46" spans="1:8" ht="15" customHeight="1" x14ac:dyDescent="0.2">
      <c r="A46" s="846" t="s">
        <v>237</v>
      </c>
      <c r="B46" s="952" t="s">
        <v>794</v>
      </c>
      <c r="C46" s="85" t="s">
        <v>157</v>
      </c>
      <c r="D46" s="845" t="s">
        <v>158</v>
      </c>
      <c r="E46" s="948"/>
      <c r="F46" s="845" t="s">
        <v>159</v>
      </c>
      <c r="G46" s="838"/>
      <c r="H46" s="887" t="s">
        <v>622</v>
      </c>
    </row>
    <row r="47" spans="1:8" ht="21.75" customHeight="1" x14ac:dyDescent="0.2">
      <c r="A47" s="843"/>
      <c r="B47" s="953"/>
      <c r="C47" s="86" t="s">
        <v>112</v>
      </c>
      <c r="D47" s="281" t="s">
        <v>115</v>
      </c>
      <c r="E47" s="268" t="s">
        <v>114</v>
      </c>
      <c r="F47" s="281" t="s">
        <v>115</v>
      </c>
      <c r="G47" s="268" t="s">
        <v>114</v>
      </c>
      <c r="H47" s="889"/>
    </row>
    <row r="48" spans="1:8" ht="15" customHeight="1" x14ac:dyDescent="0.2">
      <c r="A48" s="48" t="s">
        <v>238</v>
      </c>
      <c r="B48" s="954"/>
      <c r="C48" s="266" t="s">
        <v>163</v>
      </c>
      <c r="D48" s="282" t="s">
        <v>233</v>
      </c>
      <c r="E48" s="267" t="s">
        <v>401</v>
      </c>
      <c r="F48" s="282" t="s">
        <v>164</v>
      </c>
      <c r="G48" s="267" t="s">
        <v>402</v>
      </c>
      <c r="H48" s="891"/>
    </row>
    <row r="49" spans="1:8" s="300" customFormat="1" x14ac:dyDescent="0.2">
      <c r="A49" s="247" t="s">
        <v>166</v>
      </c>
      <c r="B49" s="645">
        <v>960840700</v>
      </c>
      <c r="C49" s="511">
        <v>1460873376.6900001</v>
      </c>
      <c r="D49" s="511">
        <v>1263792688.53</v>
      </c>
      <c r="E49" s="511">
        <v>86.509392853298536</v>
      </c>
      <c r="F49" s="640">
        <v>998894324.16999984</v>
      </c>
      <c r="G49" s="632">
        <v>68.376516411933153</v>
      </c>
      <c r="H49" s="646">
        <v>0</v>
      </c>
    </row>
    <row r="50" spans="1:8" x14ac:dyDescent="0.2">
      <c r="A50" s="90" t="s">
        <v>206</v>
      </c>
      <c r="B50" s="614">
        <v>330386300</v>
      </c>
      <c r="C50" s="513">
        <v>440746237.92000002</v>
      </c>
      <c r="D50" s="631">
        <v>396720420.59000003</v>
      </c>
      <c r="E50" s="636">
        <v>90.011073596959179</v>
      </c>
      <c r="F50" s="631">
        <v>294446973.44999999</v>
      </c>
      <c r="G50" s="636">
        <v>66.806463247326718</v>
      </c>
      <c r="H50" s="637"/>
    </row>
    <row r="51" spans="1:8" x14ac:dyDescent="0.2">
      <c r="A51" s="90" t="s">
        <v>239</v>
      </c>
      <c r="B51" s="614">
        <v>648000</v>
      </c>
      <c r="C51" s="513">
        <v>891500</v>
      </c>
      <c r="D51" s="631">
        <v>878203</v>
      </c>
      <c r="E51" s="636">
        <v>98.508468872686478</v>
      </c>
      <c r="F51" s="631">
        <v>707016.63</v>
      </c>
      <c r="G51" s="636">
        <v>79.306408300616937</v>
      </c>
      <c r="H51" s="637">
        <v>0</v>
      </c>
    </row>
    <row r="52" spans="1:8" x14ac:dyDescent="0.2">
      <c r="A52" s="90" t="s">
        <v>207</v>
      </c>
      <c r="B52" s="614">
        <v>629806400</v>
      </c>
      <c r="C52" s="614">
        <v>1019235638.77</v>
      </c>
      <c r="D52" s="631">
        <v>866194064.93999994</v>
      </c>
      <c r="E52" s="636">
        <v>84.98467204162047</v>
      </c>
      <c r="F52" s="631">
        <v>703740334.08999991</v>
      </c>
      <c r="G52" s="636">
        <v>69.045891580014256</v>
      </c>
      <c r="H52" s="637"/>
    </row>
    <row r="53" spans="1:8" s="300" customFormat="1" x14ac:dyDescent="0.2">
      <c r="A53" s="93" t="s">
        <v>167</v>
      </c>
      <c r="B53" s="611">
        <v>206993000</v>
      </c>
      <c r="C53" s="611">
        <v>112189785.61</v>
      </c>
      <c r="D53" s="611">
        <v>28259355.810000002</v>
      </c>
      <c r="E53" s="632">
        <v>25.188884760183655</v>
      </c>
      <c r="F53" s="640">
        <v>13711239.810000001</v>
      </c>
      <c r="G53" s="632">
        <v>12.221468946971456</v>
      </c>
      <c r="H53" s="641">
        <v>0</v>
      </c>
    </row>
    <row r="54" spans="1:8" x14ac:dyDescent="0.2">
      <c r="A54" s="20" t="s">
        <v>240</v>
      </c>
      <c r="B54" s="614">
        <v>206571700</v>
      </c>
      <c r="C54" s="513">
        <v>111141985.61</v>
      </c>
      <c r="D54" s="631">
        <v>27262992.370000001</v>
      </c>
      <c r="E54" s="636">
        <v>24.529877004057244</v>
      </c>
      <c r="F54" s="631">
        <v>13022762.32</v>
      </c>
      <c r="G54" s="636">
        <v>11.717230215498576</v>
      </c>
      <c r="H54" s="637"/>
    </row>
    <row r="55" spans="1:8" x14ac:dyDescent="0.2">
      <c r="A55" s="20" t="s">
        <v>241</v>
      </c>
      <c r="B55" s="614">
        <v>1300</v>
      </c>
      <c r="C55" s="513">
        <v>1300</v>
      </c>
      <c r="D55" s="631">
        <v>0</v>
      </c>
      <c r="E55" s="636">
        <v>0</v>
      </c>
      <c r="F55" s="631">
        <v>0</v>
      </c>
      <c r="G55" s="636">
        <v>0</v>
      </c>
      <c r="H55" s="637"/>
    </row>
    <row r="56" spans="1:8" x14ac:dyDescent="0.2">
      <c r="A56" s="20" t="s">
        <v>242</v>
      </c>
      <c r="B56" s="614">
        <v>420000</v>
      </c>
      <c r="C56" s="513">
        <v>1046500</v>
      </c>
      <c r="D56" s="631">
        <v>996363.44</v>
      </c>
      <c r="E56" s="636">
        <v>95.209119923554695</v>
      </c>
      <c r="F56" s="631">
        <v>688477.49</v>
      </c>
      <c r="G56" s="636">
        <v>65.788580028666985</v>
      </c>
      <c r="H56" s="647"/>
    </row>
    <row r="57" spans="1:8" ht="15" customHeight="1" x14ac:dyDescent="0.2">
      <c r="A57" s="244" t="s">
        <v>534</v>
      </c>
      <c r="B57" s="615">
        <v>1167833700</v>
      </c>
      <c r="C57" s="621">
        <v>1573063162.3</v>
      </c>
      <c r="D57" s="627">
        <v>1292052044.3399999</v>
      </c>
      <c r="E57" s="622">
        <v>82.136056282118432</v>
      </c>
      <c r="F57" s="627">
        <v>1012605563.9799998</v>
      </c>
      <c r="G57" s="622">
        <v>64.371576949234097</v>
      </c>
      <c r="H57" s="626">
        <v>0</v>
      </c>
    </row>
    <row r="58" spans="1:8" x14ac:dyDescent="0.2">
      <c r="A58" s="958"/>
      <c r="B58" s="958"/>
      <c r="C58" s="378"/>
      <c r="D58" s="378"/>
      <c r="E58" s="90"/>
    </row>
    <row r="59" spans="1:8" ht="15" customHeight="1" x14ac:dyDescent="0.2">
      <c r="A59" s="864" t="s">
        <v>374</v>
      </c>
      <c r="B59" s="952" t="s">
        <v>794</v>
      </c>
      <c r="C59" s="85" t="s">
        <v>157</v>
      </c>
      <c r="D59" s="845" t="s">
        <v>158</v>
      </c>
      <c r="E59" s="948"/>
      <c r="F59" s="845" t="s">
        <v>159</v>
      </c>
      <c r="G59" s="838"/>
      <c r="H59" s="887" t="s">
        <v>622</v>
      </c>
    </row>
    <row r="60" spans="1:8" ht="24" customHeight="1" x14ac:dyDescent="0.2">
      <c r="A60" s="865"/>
      <c r="B60" s="953"/>
      <c r="C60" s="86" t="s">
        <v>112</v>
      </c>
      <c r="D60" s="281" t="s">
        <v>115</v>
      </c>
      <c r="E60" s="268" t="s">
        <v>114</v>
      </c>
      <c r="F60" s="281" t="s">
        <v>115</v>
      </c>
      <c r="G60" s="268" t="s">
        <v>114</v>
      </c>
      <c r="H60" s="889"/>
    </row>
    <row r="61" spans="1:8" ht="15" customHeight="1" x14ac:dyDescent="0.2">
      <c r="A61" s="866"/>
      <c r="B61" s="954"/>
      <c r="C61" s="102"/>
      <c r="D61" s="282" t="s">
        <v>165</v>
      </c>
      <c r="E61" s="267" t="s">
        <v>623</v>
      </c>
      <c r="F61" s="282" t="s">
        <v>353</v>
      </c>
      <c r="G61" s="267" t="s">
        <v>624</v>
      </c>
      <c r="H61" s="891"/>
    </row>
    <row r="62" spans="1:8" ht="15" customHeight="1" x14ac:dyDescent="0.2">
      <c r="A62" s="302" t="s">
        <v>375</v>
      </c>
      <c r="B62" s="629">
        <v>0</v>
      </c>
      <c r="C62" s="630">
        <v>0</v>
      </c>
      <c r="D62" s="631">
        <v>0</v>
      </c>
      <c r="E62" s="632">
        <v>0</v>
      </c>
      <c r="F62" s="631">
        <v>0</v>
      </c>
      <c r="G62" s="632">
        <v>0</v>
      </c>
      <c r="H62" s="633">
        <v>0</v>
      </c>
    </row>
    <row r="63" spans="1:8" ht="24.95" customHeight="1" x14ac:dyDescent="0.2">
      <c r="A63" s="5" t="s">
        <v>376</v>
      </c>
      <c r="B63" s="634">
        <v>0</v>
      </c>
      <c r="C63" s="635">
        <v>0</v>
      </c>
      <c r="D63" s="631">
        <v>0</v>
      </c>
      <c r="E63" s="512">
        <v>0</v>
      </c>
      <c r="F63" s="636">
        <v>0</v>
      </c>
      <c r="G63" s="511">
        <v>0</v>
      </c>
      <c r="H63" s="637">
        <v>0</v>
      </c>
    </row>
    <row r="64" spans="1:8" x14ac:dyDescent="0.2">
      <c r="A64" s="303" t="s">
        <v>403</v>
      </c>
      <c r="B64" s="638">
        <v>103234000</v>
      </c>
      <c r="C64" s="639">
        <v>106870000</v>
      </c>
      <c r="D64" s="640">
        <v>77073797.710000008</v>
      </c>
      <c r="E64" s="512">
        <v>5.9652239279084531</v>
      </c>
      <c r="F64" s="632">
        <v>61108283.890000001</v>
      </c>
      <c r="G64" s="511">
        <v>6.0347568751070941</v>
      </c>
      <c r="H64" s="641">
        <v>0</v>
      </c>
    </row>
    <row r="65" spans="1:8" x14ac:dyDescent="0.2">
      <c r="A65" s="84" t="s">
        <v>404</v>
      </c>
      <c r="B65" s="578">
        <v>15598000</v>
      </c>
      <c r="C65" s="578">
        <v>19234000</v>
      </c>
      <c r="D65" s="631">
        <v>14570741.470000001</v>
      </c>
      <c r="E65" s="514">
        <v>1.1277209407956132</v>
      </c>
      <c r="F65" s="636">
        <v>6343720.3700000001</v>
      </c>
      <c r="G65" s="513">
        <v>0.62647496672507874</v>
      </c>
      <c r="H65" s="637">
        <v>0</v>
      </c>
    </row>
    <row r="66" spans="1:8" x14ac:dyDescent="0.2">
      <c r="A66" s="84" t="s">
        <v>377</v>
      </c>
      <c r="B66" s="578">
        <v>15000000</v>
      </c>
      <c r="C66" s="578">
        <v>15000000</v>
      </c>
      <c r="D66" s="631">
        <v>0</v>
      </c>
      <c r="E66" s="514">
        <v>0</v>
      </c>
      <c r="F66" s="636">
        <v>0</v>
      </c>
      <c r="G66" s="513">
        <v>0</v>
      </c>
      <c r="H66" s="637">
        <v>0</v>
      </c>
    </row>
    <row r="67" spans="1:8" x14ac:dyDescent="0.2">
      <c r="A67" s="103" t="s">
        <v>378</v>
      </c>
      <c r="B67" s="578">
        <v>72636000</v>
      </c>
      <c r="C67" s="578">
        <v>72636000</v>
      </c>
      <c r="D67" s="578">
        <v>62503056.240000002</v>
      </c>
      <c r="E67" s="614">
        <v>4.8375029871128392</v>
      </c>
      <c r="F67" s="642">
        <v>54764563.520000003</v>
      </c>
      <c r="G67" s="513">
        <v>5.4082819083820155</v>
      </c>
      <c r="H67" s="637">
        <v>0</v>
      </c>
    </row>
    <row r="68" spans="1:8" x14ac:dyDescent="0.2">
      <c r="A68" s="304" t="s">
        <v>379</v>
      </c>
      <c r="B68" s="579">
        <v>151939000</v>
      </c>
      <c r="C68" s="579">
        <v>162512000</v>
      </c>
      <c r="D68" s="579">
        <v>111362944.34999999</v>
      </c>
      <c r="E68" s="611">
        <v>8.6190757437240784</v>
      </c>
      <c r="F68" s="643">
        <v>84507097.840000004</v>
      </c>
      <c r="G68" s="511">
        <v>8.3455099246984901</v>
      </c>
      <c r="H68" s="641">
        <v>0</v>
      </c>
    </row>
    <row r="69" spans="1:8" ht="21.75" x14ac:dyDescent="0.2">
      <c r="A69" s="5" t="s">
        <v>795</v>
      </c>
      <c r="B69" s="511">
        <v>0</v>
      </c>
      <c r="C69" s="511">
        <v>0</v>
      </c>
      <c r="D69" s="579">
        <v>0</v>
      </c>
      <c r="E69" s="611">
        <v>0</v>
      </c>
      <c r="F69" s="511">
        <v>0</v>
      </c>
      <c r="G69" s="511">
        <v>0</v>
      </c>
      <c r="H69" s="641">
        <v>0</v>
      </c>
    </row>
    <row r="70" spans="1:8" ht="21.75" x14ac:dyDescent="0.2">
      <c r="A70" s="304" t="s">
        <v>796</v>
      </c>
      <c r="B70" s="579">
        <v>0</v>
      </c>
      <c r="C70" s="579">
        <v>0</v>
      </c>
      <c r="D70" s="579">
        <v>0</v>
      </c>
      <c r="E70" s="611">
        <v>0</v>
      </c>
      <c r="F70" s="643">
        <v>0</v>
      </c>
      <c r="G70" s="511">
        <v>0</v>
      </c>
      <c r="H70" s="641">
        <v>0</v>
      </c>
    </row>
    <row r="71" spans="1:8" ht="32.25" x14ac:dyDescent="0.2">
      <c r="A71" s="14" t="s">
        <v>797</v>
      </c>
      <c r="B71" s="579">
        <v>0</v>
      </c>
      <c r="C71" s="579">
        <v>0</v>
      </c>
      <c r="D71" s="579">
        <v>0</v>
      </c>
      <c r="E71" s="611">
        <v>0</v>
      </c>
      <c r="F71" s="643">
        <v>0</v>
      </c>
      <c r="G71" s="511">
        <v>0</v>
      </c>
      <c r="H71" s="644">
        <v>0</v>
      </c>
    </row>
    <row r="72" spans="1:8" s="233" customFormat="1" ht="16.5" customHeight="1" x14ac:dyDescent="0.2">
      <c r="A72" s="297" t="s">
        <v>450</v>
      </c>
      <c r="B72" s="626">
        <v>255173000</v>
      </c>
      <c r="C72" s="621">
        <v>269382000</v>
      </c>
      <c r="D72" s="626">
        <v>188436742.06</v>
      </c>
      <c r="E72" s="615">
        <v>14.584299671632531</v>
      </c>
      <c r="F72" s="626">
        <v>145615381.73000002</v>
      </c>
      <c r="G72" s="626">
        <v>14.380266799805586</v>
      </c>
      <c r="H72" s="626">
        <v>0</v>
      </c>
    </row>
    <row r="73" spans="1:8" s="20" customFormat="1" x14ac:dyDescent="0.2">
      <c r="A73" s="104"/>
      <c r="B73" s="104"/>
      <c r="C73" s="104"/>
      <c r="D73" s="104"/>
      <c r="E73" s="382"/>
      <c r="F73" s="285"/>
      <c r="G73" s="378"/>
      <c r="H73" s="285"/>
    </row>
    <row r="74" spans="1:8" s="233" customFormat="1" ht="22.5" customHeight="1" x14ac:dyDescent="0.2">
      <c r="A74" s="305" t="s">
        <v>451</v>
      </c>
      <c r="B74" s="624">
        <v>912660700</v>
      </c>
      <c r="C74" s="624">
        <v>1303681162.3</v>
      </c>
      <c r="D74" s="624">
        <v>1103615302.28</v>
      </c>
      <c r="E74" s="625">
        <v>85.415700328367478</v>
      </c>
      <c r="F74" s="626">
        <v>866990182.24999976</v>
      </c>
      <c r="G74" s="627">
        <v>85.619733200194418</v>
      </c>
      <c r="H74" s="628">
        <v>0</v>
      </c>
    </row>
    <row r="75" spans="1:8" x14ac:dyDescent="0.2">
      <c r="A75" s="106"/>
      <c r="B75" s="87"/>
      <c r="C75" s="274"/>
      <c r="D75" s="90"/>
      <c r="E75" s="90"/>
      <c r="G75" s="97"/>
      <c r="H75" s="285"/>
    </row>
    <row r="76" spans="1:8" ht="24.75" customHeight="1" x14ac:dyDescent="0.2">
      <c r="A76" s="816" t="s">
        <v>625</v>
      </c>
      <c r="B76" s="816"/>
      <c r="C76" s="816"/>
      <c r="D76" s="817"/>
      <c r="E76" s="804">
        <v>14.439416384786488</v>
      </c>
      <c r="F76" s="805">
        <v>1.2030213335628557E-6</v>
      </c>
      <c r="G76" s="805">
        <v>12.210959826198415</v>
      </c>
      <c r="H76" s="805">
        <v>1.4259665261993057E-6</v>
      </c>
    </row>
    <row r="77" spans="1:8" ht="12.75" customHeight="1" x14ac:dyDescent="0.2">
      <c r="A77" s="6"/>
      <c r="B77" s="6"/>
      <c r="C77" s="6"/>
      <c r="D77" s="6"/>
      <c r="E77" s="107"/>
      <c r="F77" s="108"/>
      <c r="G77" s="108"/>
      <c r="H77" s="285"/>
    </row>
    <row r="78" spans="1:8" ht="25.5" customHeight="1" x14ac:dyDescent="0.2">
      <c r="A78" s="816" t="s">
        <v>626</v>
      </c>
      <c r="B78" s="816"/>
      <c r="C78" s="816"/>
      <c r="D78" s="817"/>
      <c r="E78" s="959">
        <v>146470605.15949988</v>
      </c>
      <c r="F78" s="960"/>
      <c r="G78" s="960"/>
      <c r="H78" s="960"/>
    </row>
    <row r="79" spans="1:8" x14ac:dyDescent="0.2">
      <c r="A79" s="7"/>
      <c r="B79" s="7"/>
      <c r="C79" s="7"/>
      <c r="D79" s="7"/>
      <c r="E79" s="94"/>
      <c r="F79" s="105"/>
      <c r="G79" s="105"/>
    </row>
    <row r="80" spans="1:8" ht="13.5" customHeight="1" x14ac:dyDescent="0.2">
      <c r="A80" s="888" t="s">
        <v>452</v>
      </c>
      <c r="B80" s="864"/>
      <c r="C80" s="952" t="s">
        <v>535</v>
      </c>
      <c r="D80" s="952" t="s">
        <v>799</v>
      </c>
      <c r="E80" s="952" t="s">
        <v>380</v>
      </c>
      <c r="F80" s="952" t="s">
        <v>381</v>
      </c>
      <c r="G80" s="887" t="s">
        <v>536</v>
      </c>
      <c r="H80" s="888"/>
    </row>
    <row r="81" spans="1:8" ht="21" customHeight="1" x14ac:dyDescent="0.2">
      <c r="A81" s="892"/>
      <c r="B81" s="866"/>
      <c r="C81" s="954"/>
      <c r="D81" s="954"/>
      <c r="E81" s="954"/>
      <c r="F81" s="954"/>
      <c r="G81" s="891"/>
      <c r="H81" s="892"/>
    </row>
    <row r="82" spans="1:8" ht="15" customHeight="1" x14ac:dyDescent="0.2">
      <c r="A82" s="8" t="s">
        <v>798</v>
      </c>
      <c r="B82" s="520"/>
      <c r="C82" s="623">
        <v>10778747.83</v>
      </c>
      <c r="D82" s="618">
        <v>6210386.7800000012</v>
      </c>
      <c r="E82" s="617">
        <v>2764865.0099999993</v>
      </c>
      <c r="F82" s="618">
        <v>1803496.0399999996</v>
      </c>
      <c r="G82" s="973">
        <v>3008766.73</v>
      </c>
      <c r="H82" s="974"/>
    </row>
    <row r="83" spans="1:8" ht="12.75" customHeight="1" x14ac:dyDescent="0.2">
      <c r="A83" s="11" t="s">
        <v>800</v>
      </c>
      <c r="B83" s="109"/>
      <c r="C83" s="619">
        <v>826671.31</v>
      </c>
      <c r="D83" s="620">
        <v>0</v>
      </c>
      <c r="E83" s="619">
        <v>0</v>
      </c>
      <c r="F83" s="620">
        <v>826671.31</v>
      </c>
      <c r="G83" s="973">
        <v>0</v>
      </c>
      <c r="H83" s="974"/>
    </row>
    <row r="84" spans="1:8" ht="15" customHeight="1" x14ac:dyDescent="0.2">
      <c r="A84" s="297" t="s">
        <v>382</v>
      </c>
      <c r="B84" s="291"/>
      <c r="C84" s="615">
        <v>11605419.140000001</v>
      </c>
      <c r="D84" s="615">
        <v>6210386.7800000012</v>
      </c>
      <c r="E84" s="615">
        <v>2764865.0099999993</v>
      </c>
      <c r="F84" s="615">
        <v>2630167.3499999996</v>
      </c>
      <c r="G84" s="621"/>
      <c r="H84" s="622">
        <v>3008766.73</v>
      </c>
    </row>
    <row r="85" spans="1:8" ht="12.75" customHeight="1" x14ac:dyDescent="0.2">
      <c r="A85" s="91"/>
      <c r="B85" s="285"/>
      <c r="C85" s="101"/>
      <c r="D85" s="285"/>
      <c r="E85" s="285"/>
      <c r="F85" s="97"/>
      <c r="G85" s="97"/>
      <c r="H85" s="97"/>
    </row>
    <row r="86" spans="1:8" ht="12.75" customHeight="1" x14ac:dyDescent="0.2">
      <c r="A86" s="890" t="s">
        <v>383</v>
      </c>
      <c r="B86" s="865"/>
      <c r="C86" s="889" t="s">
        <v>440</v>
      </c>
      <c r="D86" s="890"/>
      <c r="E86" s="890"/>
      <c r="F86" s="890"/>
      <c r="G86" s="890"/>
      <c r="H86" s="890"/>
    </row>
    <row r="87" spans="1:8" ht="15.75" customHeight="1" x14ac:dyDescent="0.2">
      <c r="A87" s="890"/>
      <c r="B87" s="865"/>
      <c r="C87" s="891"/>
      <c r="D87" s="892"/>
      <c r="E87" s="892"/>
      <c r="F87" s="892"/>
      <c r="G87" s="892"/>
      <c r="H87" s="892"/>
    </row>
    <row r="88" spans="1:8" ht="14.25" customHeight="1" x14ac:dyDescent="0.2">
      <c r="A88" s="890"/>
      <c r="B88" s="865"/>
      <c r="C88" s="952" t="s">
        <v>384</v>
      </c>
      <c r="D88" s="889" t="s">
        <v>385</v>
      </c>
      <c r="E88" s="890"/>
      <c r="F88" s="887" t="s">
        <v>386</v>
      </c>
      <c r="G88" s="888"/>
      <c r="H88" s="888"/>
    </row>
    <row r="89" spans="1:8" ht="11.25" customHeight="1" x14ac:dyDescent="0.2">
      <c r="A89" s="890"/>
      <c r="B89" s="865"/>
      <c r="C89" s="953"/>
      <c r="D89" s="889"/>
      <c r="E89" s="890"/>
      <c r="F89" s="889"/>
      <c r="G89" s="890"/>
      <c r="H89" s="890"/>
    </row>
    <row r="90" spans="1:8" ht="12.75" customHeight="1" x14ac:dyDescent="0.2">
      <c r="A90" s="892"/>
      <c r="B90" s="866"/>
      <c r="C90" s="954"/>
      <c r="D90" s="891" t="s">
        <v>350</v>
      </c>
      <c r="E90" s="892"/>
      <c r="F90" s="891"/>
      <c r="G90" s="892"/>
      <c r="H90" s="892"/>
    </row>
    <row r="91" spans="1:8" ht="13.5" customHeight="1" x14ac:dyDescent="0.2">
      <c r="A91" s="262" t="s">
        <v>802</v>
      </c>
      <c r="B91" s="9"/>
      <c r="C91" s="10"/>
      <c r="D91" s="975"/>
      <c r="E91" s="976"/>
      <c r="F91" s="977"/>
      <c r="G91" s="978"/>
      <c r="H91" s="978"/>
    </row>
    <row r="92" spans="1:8" ht="13.5" customHeight="1" x14ac:dyDescent="0.2">
      <c r="A92" s="263" t="s">
        <v>801</v>
      </c>
      <c r="B92" s="12"/>
      <c r="C92" s="13"/>
      <c r="D92" s="969"/>
      <c r="E92" s="970"/>
      <c r="F92" s="971"/>
      <c r="G92" s="972"/>
      <c r="H92" s="972"/>
    </row>
    <row r="93" spans="1:8" ht="13.5" customHeight="1" x14ac:dyDescent="0.2">
      <c r="A93" s="11"/>
      <c r="B93" s="12"/>
      <c r="C93" s="13"/>
      <c r="D93" s="964"/>
      <c r="E93" s="965"/>
      <c r="F93" s="962"/>
      <c r="G93" s="963"/>
      <c r="H93" s="963"/>
    </row>
    <row r="94" spans="1:8" ht="15" customHeight="1" x14ac:dyDescent="0.2">
      <c r="A94" s="914" t="s">
        <v>388</v>
      </c>
      <c r="B94" s="968"/>
      <c r="C94" s="306"/>
      <c r="D94" s="966"/>
      <c r="E94" s="967"/>
      <c r="F94" s="845"/>
      <c r="G94" s="838"/>
      <c r="H94" s="838"/>
    </row>
    <row r="95" spans="1:8" ht="12.75" customHeight="1" x14ac:dyDescent="0.2">
      <c r="A95" s="90"/>
      <c r="B95" s="90"/>
      <c r="C95" s="90"/>
      <c r="D95" s="90"/>
      <c r="E95" s="90"/>
      <c r="F95" s="105"/>
    </row>
    <row r="96" spans="1:8" ht="12.75" customHeight="1" x14ac:dyDescent="0.2">
      <c r="A96" s="888" t="s">
        <v>453</v>
      </c>
      <c r="B96" s="864"/>
      <c r="C96" s="887" t="s">
        <v>387</v>
      </c>
      <c r="D96" s="888"/>
      <c r="E96" s="888"/>
      <c r="F96" s="888"/>
      <c r="G96" s="888"/>
      <c r="H96" s="888"/>
    </row>
    <row r="97" spans="1:8" ht="15.75" customHeight="1" x14ac:dyDescent="0.2">
      <c r="A97" s="890"/>
      <c r="B97" s="865"/>
      <c r="C97" s="891"/>
      <c r="D97" s="892"/>
      <c r="E97" s="892"/>
      <c r="F97" s="892"/>
      <c r="G97" s="892"/>
      <c r="H97" s="892"/>
    </row>
    <row r="98" spans="1:8" ht="15" customHeight="1" x14ac:dyDescent="0.2">
      <c r="A98" s="890"/>
      <c r="B98" s="865"/>
      <c r="C98" s="952" t="s">
        <v>384</v>
      </c>
      <c r="D98" s="889" t="s">
        <v>385</v>
      </c>
      <c r="E98" s="890"/>
      <c r="F98" s="889" t="s">
        <v>386</v>
      </c>
      <c r="G98" s="890"/>
      <c r="H98" s="890"/>
    </row>
    <row r="99" spans="1:8" x14ac:dyDescent="0.2">
      <c r="A99" s="890"/>
      <c r="B99" s="865"/>
      <c r="C99" s="953"/>
      <c r="D99" s="889"/>
      <c r="E99" s="890"/>
      <c r="F99" s="889"/>
      <c r="G99" s="890"/>
      <c r="H99" s="890"/>
    </row>
    <row r="100" spans="1:8" ht="15" customHeight="1" x14ac:dyDescent="0.2">
      <c r="A100" s="892"/>
      <c r="B100" s="866"/>
      <c r="C100" s="954"/>
      <c r="D100" s="891" t="s">
        <v>351</v>
      </c>
      <c r="E100" s="892"/>
      <c r="F100" s="891"/>
      <c r="G100" s="892"/>
      <c r="H100" s="892"/>
    </row>
    <row r="101" spans="1:8" x14ac:dyDescent="0.2">
      <c r="A101" s="262" t="s">
        <v>804</v>
      </c>
      <c r="B101" s="9"/>
      <c r="C101" s="10"/>
      <c r="D101" s="975"/>
      <c r="E101" s="976"/>
      <c r="F101" s="977"/>
      <c r="G101" s="978"/>
      <c r="H101" s="978"/>
    </row>
    <row r="102" spans="1:8" x14ac:dyDescent="0.2">
      <c r="A102" s="263" t="s">
        <v>803</v>
      </c>
      <c r="B102" s="12"/>
      <c r="C102" s="13"/>
      <c r="D102" s="969"/>
      <c r="E102" s="970"/>
      <c r="F102" s="971"/>
      <c r="G102" s="972"/>
      <c r="H102" s="972"/>
    </row>
    <row r="103" spans="1:8" x14ac:dyDescent="0.2">
      <c r="A103" s="11"/>
      <c r="B103" s="12"/>
      <c r="C103" s="13"/>
      <c r="D103" s="964"/>
      <c r="E103" s="965"/>
      <c r="F103" s="962"/>
      <c r="G103" s="963"/>
      <c r="H103" s="963"/>
    </row>
    <row r="104" spans="1:8" ht="15" customHeight="1" x14ac:dyDescent="0.2">
      <c r="A104" s="961" t="s">
        <v>454</v>
      </c>
      <c r="B104" s="961"/>
      <c r="C104" s="306"/>
      <c r="D104" s="966"/>
      <c r="E104" s="967"/>
      <c r="F104" s="845"/>
      <c r="G104" s="838"/>
      <c r="H104" s="838"/>
    </row>
    <row r="105" spans="1:8" x14ac:dyDescent="0.2">
      <c r="A105" s="90"/>
      <c r="B105" s="285"/>
      <c r="C105" s="95"/>
      <c r="D105" s="90"/>
      <c r="E105" s="90"/>
    </row>
    <row r="106" spans="1:8" ht="15" customHeight="1" x14ac:dyDescent="0.2">
      <c r="A106" s="846" t="s">
        <v>237</v>
      </c>
      <c r="B106" s="952" t="s">
        <v>794</v>
      </c>
      <c r="C106" s="952" t="s">
        <v>236</v>
      </c>
      <c r="D106" s="845" t="s">
        <v>158</v>
      </c>
      <c r="E106" s="838"/>
      <c r="F106" s="845" t="s">
        <v>159</v>
      </c>
      <c r="G106" s="838"/>
      <c r="H106" s="887" t="s">
        <v>622</v>
      </c>
    </row>
    <row r="107" spans="1:8" ht="21.75" customHeight="1" x14ac:dyDescent="0.2">
      <c r="A107" s="843"/>
      <c r="B107" s="953"/>
      <c r="C107" s="953"/>
      <c r="D107" s="85" t="s">
        <v>115</v>
      </c>
      <c r="E107" s="268" t="s">
        <v>114</v>
      </c>
      <c r="F107" s="85" t="s">
        <v>115</v>
      </c>
      <c r="G107" s="268" t="s">
        <v>114</v>
      </c>
      <c r="H107" s="889"/>
    </row>
    <row r="108" spans="1:8" ht="21.75" customHeight="1" x14ac:dyDescent="0.2">
      <c r="A108" s="49" t="s">
        <v>244</v>
      </c>
      <c r="B108" s="954"/>
      <c r="C108" s="954"/>
      <c r="D108" s="282" t="s">
        <v>389</v>
      </c>
      <c r="E108" s="275" t="s">
        <v>390</v>
      </c>
      <c r="F108" s="282" t="s">
        <v>391</v>
      </c>
      <c r="G108" s="275" t="s">
        <v>392</v>
      </c>
      <c r="H108" s="891"/>
    </row>
    <row r="109" spans="1:8" x14ac:dyDescent="0.2">
      <c r="A109" s="90" t="s">
        <v>245</v>
      </c>
      <c r="B109" s="343">
        <v>64744900</v>
      </c>
      <c r="C109" s="343">
        <v>63017500</v>
      </c>
      <c r="D109" s="345">
        <v>50013247.100000001</v>
      </c>
      <c r="E109" s="377">
        <v>3.8708384324833869</v>
      </c>
      <c r="F109" s="345">
        <v>24942220.25</v>
      </c>
      <c r="G109" s="377">
        <v>2.4631723483688694</v>
      </c>
      <c r="H109" s="98"/>
    </row>
    <row r="110" spans="1:8" x14ac:dyDescent="0.2">
      <c r="A110" s="90" t="s">
        <v>246</v>
      </c>
      <c r="B110" s="343">
        <v>547235100</v>
      </c>
      <c r="C110" s="343">
        <v>636758370.07000005</v>
      </c>
      <c r="D110" s="345">
        <v>508073575.43000001</v>
      </c>
      <c r="E110" s="374">
        <v>39.322996132832387</v>
      </c>
      <c r="F110" s="377">
        <v>359636068.74000001</v>
      </c>
      <c r="G110" s="373">
        <v>35.515908813148016</v>
      </c>
      <c r="H110" s="99"/>
    </row>
    <row r="111" spans="1:8" x14ac:dyDescent="0.2">
      <c r="A111" s="90" t="s">
        <v>247</v>
      </c>
      <c r="B111" s="343">
        <v>76302000</v>
      </c>
      <c r="C111" s="343">
        <v>95466951</v>
      </c>
      <c r="D111" s="345">
        <v>57492375.850000001</v>
      </c>
      <c r="E111" s="374">
        <v>4.4496950491934708</v>
      </c>
      <c r="F111" s="377">
        <v>44231636.560000002</v>
      </c>
      <c r="G111" s="373">
        <v>4.3681012758955786</v>
      </c>
      <c r="H111" s="99"/>
    </row>
    <row r="112" spans="1:8" x14ac:dyDescent="0.2">
      <c r="A112" s="90" t="s">
        <v>248</v>
      </c>
      <c r="B112" s="343">
        <v>17209600</v>
      </c>
      <c r="C112" s="343">
        <v>20751900</v>
      </c>
      <c r="D112" s="345">
        <v>15303523.279999999</v>
      </c>
      <c r="E112" s="374">
        <v>1.1844355145784609</v>
      </c>
      <c r="F112" s="377">
        <v>6731390.1900000004</v>
      </c>
      <c r="G112" s="373">
        <v>0.66475935245137086</v>
      </c>
      <c r="H112" s="99"/>
    </row>
    <row r="113" spans="1:8" x14ac:dyDescent="0.2">
      <c r="A113" s="90" t="s">
        <v>249</v>
      </c>
      <c r="B113" s="343">
        <v>21294500</v>
      </c>
      <c r="C113" s="343">
        <v>19296100</v>
      </c>
      <c r="D113" s="345">
        <v>6992068.3099999996</v>
      </c>
      <c r="E113" s="374">
        <v>0.54115995873615563</v>
      </c>
      <c r="F113" s="377">
        <v>4133875.79</v>
      </c>
      <c r="G113" s="373">
        <v>0.40824146509248771</v>
      </c>
      <c r="H113" s="99"/>
    </row>
    <row r="114" spans="1:8" x14ac:dyDescent="0.2">
      <c r="A114" s="90" t="s">
        <v>250</v>
      </c>
      <c r="B114" s="343">
        <v>108000</v>
      </c>
      <c r="C114" s="343">
        <v>108000</v>
      </c>
      <c r="D114" s="345">
        <v>52300</v>
      </c>
      <c r="E114" s="374">
        <v>4.0478245616426111E-3</v>
      </c>
      <c r="F114" s="377">
        <v>41137.879999999997</v>
      </c>
      <c r="G114" s="373">
        <v>4.0625769266277225E-3</v>
      </c>
      <c r="H114" s="99"/>
    </row>
    <row r="115" spans="1:8" x14ac:dyDescent="0.2">
      <c r="A115" s="95" t="s">
        <v>232</v>
      </c>
      <c r="B115" s="380">
        <v>440939600</v>
      </c>
      <c r="C115" s="380">
        <v>737664341.23000002</v>
      </c>
      <c r="D115" s="345">
        <v>654124954.37</v>
      </c>
      <c r="E115" s="374">
        <v>50.626827087614501</v>
      </c>
      <c r="F115" s="377">
        <v>572889234.56999993</v>
      </c>
      <c r="G115" s="373">
        <v>56.575754168117044</v>
      </c>
      <c r="H115" s="100"/>
    </row>
    <row r="116" spans="1:8" ht="15" customHeight="1" x14ac:dyDescent="0.2">
      <c r="A116" s="244" t="s">
        <v>170</v>
      </c>
      <c r="B116" s="344">
        <v>1167833700</v>
      </c>
      <c r="C116" s="344">
        <v>1573063162.3000002</v>
      </c>
      <c r="D116" s="346">
        <v>1292052044.3399999</v>
      </c>
      <c r="E116" s="376">
        <v>100</v>
      </c>
      <c r="F116" s="381">
        <v>1012605563.98</v>
      </c>
      <c r="G116" s="375">
        <v>100</v>
      </c>
      <c r="H116" s="347">
        <v>0</v>
      </c>
    </row>
    <row r="117" spans="1:8" ht="10.5" customHeight="1" x14ac:dyDescent="0.2">
      <c r="A117" s="190" t="s">
        <v>865</v>
      </c>
      <c r="B117" s="348"/>
      <c r="C117" s="348"/>
      <c r="D117" s="348"/>
      <c r="E117" s="190"/>
      <c r="F117" s="105"/>
      <c r="G117" s="105"/>
      <c r="H117" s="316"/>
    </row>
    <row r="118" spans="1:8" ht="11.25" x14ac:dyDescent="0.2">
      <c r="A118" s="90" t="s">
        <v>0</v>
      </c>
      <c r="B118" s="111"/>
      <c r="C118" s="111"/>
      <c r="D118" s="90"/>
      <c r="E118" s="378"/>
      <c r="F118" s="105"/>
      <c r="G118" s="105"/>
    </row>
    <row r="119" spans="1:8" ht="11.25" x14ac:dyDescent="0.2">
      <c r="A119" s="90" t="s">
        <v>627</v>
      </c>
      <c r="B119" s="111"/>
      <c r="C119" s="111"/>
      <c r="D119" s="90"/>
      <c r="E119" s="378"/>
      <c r="F119" s="105"/>
      <c r="G119" s="105"/>
    </row>
    <row r="120" spans="1:8" ht="11.25" x14ac:dyDescent="0.2">
      <c r="A120" s="90" t="s">
        <v>628</v>
      </c>
      <c r="B120" s="111"/>
      <c r="C120" s="111"/>
      <c r="D120" s="90"/>
      <c r="E120" s="90"/>
      <c r="F120" s="105"/>
      <c r="G120" s="105"/>
    </row>
    <row r="121" spans="1:8" ht="11.25" x14ac:dyDescent="0.2">
      <c r="A121" s="20" t="s">
        <v>629</v>
      </c>
      <c r="B121" s="112"/>
      <c r="C121" s="112"/>
      <c r="D121" s="90"/>
      <c r="E121" s="90"/>
      <c r="F121" s="105"/>
      <c r="G121" s="105"/>
    </row>
    <row r="122" spans="1:8" ht="11.25" x14ac:dyDescent="0.2">
      <c r="A122" s="20" t="s">
        <v>630</v>
      </c>
    </row>
    <row r="123" spans="1:8" ht="11.25" x14ac:dyDescent="0.2">
      <c r="A123" s="113" t="s">
        <v>631</v>
      </c>
    </row>
    <row r="124" spans="1:8" x14ac:dyDescent="0.2">
      <c r="A124" s="867" t="s">
        <v>632</v>
      </c>
      <c r="B124" s="867"/>
      <c r="C124" s="867"/>
    </row>
    <row r="125" spans="1:8" x14ac:dyDescent="0.2">
      <c r="B125" s="348"/>
      <c r="C125" s="348"/>
      <c r="D125" s="348"/>
      <c r="E125" s="348"/>
    </row>
    <row r="126" spans="1:8" x14ac:dyDescent="0.2">
      <c r="B126" s="348"/>
      <c r="C126" s="348"/>
      <c r="D126" s="348"/>
      <c r="E126" s="348"/>
      <c r="F126" s="348"/>
      <c r="G126" s="348"/>
    </row>
    <row r="127" spans="1:8" x14ac:dyDescent="0.2">
      <c r="B127" s="348"/>
    </row>
    <row r="130" s="51" customFormat="1" ht="11.25" customHeight="1" x14ac:dyDescent="0.2"/>
    <row r="131" s="51" customFormat="1" ht="11.25" customHeight="1" x14ac:dyDescent="0.2"/>
    <row r="132" s="51" customFormat="1" ht="11.25" customHeight="1" x14ac:dyDescent="0.2"/>
    <row r="133" s="51" customFormat="1" ht="11.25" customHeight="1" x14ac:dyDescent="0.2"/>
    <row r="134" s="51" customFormat="1" ht="11.25" customHeight="1" x14ac:dyDescent="0.2"/>
    <row r="135" s="51" customFormat="1" ht="11.25" customHeight="1" x14ac:dyDescent="0.2"/>
    <row r="136"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78740157480314965" bottom="0.39370078740157483" header="0" footer="0"/>
      <printOptions horizontalCentered="1"/>
      <pageSetup paperSize="9" scale="53" fitToHeight="2" orientation="portrait" r:id="rId1"/>
    </customSheetView>
    <customSheetView guid="{82EDB5A4-4824-4632-A540-7A52C92F04C7}" showPageBreaks="1" showGridLines="0" printArea="1" topLeftCell="A39">
      <selection activeCell="E43" sqref="E43:F43"/>
      <pageMargins left="0.19685039370078741" right="0.19685039370078741" top="0.98425196850393704" bottom="0.39370078740157483" header="0" footer="0"/>
      <printOptions horizontalCentered="1"/>
      <pageSetup paperSize="9" scale="70" fitToHeight="2" orientation="landscape" r:id="rId2"/>
    </customSheetView>
    <customSheetView guid="{6DBFA32C-4AA4-4E1D-9A48-697377C64CC3}" showGridLines="0" topLeftCell="A27">
      <selection activeCell="D63" sqref="D63"/>
      <pageMargins left="0.19685039370078741" right="0.19685039370078741" top="0.98425196850393704" bottom="0.39370078740157483" header="0" footer="0"/>
      <printOptions horizontalCentered="1"/>
      <pageSetup paperSize="9" scale="70" fitToHeight="2" orientation="landscape" r:id="rId3"/>
    </customSheetView>
    <customSheetView guid="{25EF1E0D-169B-4051-B414-7E1196FC05E4}" showGridLines="0" fitToPage="1" topLeftCell="B70">
      <selection activeCell="G13" sqref="G13:H13"/>
      <pageMargins left="0.19685039370078741" right="0.19685039370078741" top="0.19685039370078741" bottom="0.19685039370078741" header="0" footer="0"/>
      <printOptions horizontalCentered="1"/>
      <pageSetup paperSize="9" scale="48" orientation="portrait"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3AAF6A5F-F9AA-430B-9AD9-1261ECDF41B5}" showPageBreaks="1" showGridLines="0" fitToPage="1" printArea="1">
      <selection activeCell="E43" sqref="E43:F43"/>
      <pageMargins left="0.19685039370078741" right="0.19685039370078741" top="0.78740157480314965" bottom="0.39370078740157483" header="0" footer="0"/>
      <printOptions horizontalCentered="1"/>
      <pageSetup paperSize="9" scale="53" fitToHeight="2" orientation="portrait" r:id="rId7"/>
    </customSheetView>
  </customSheetViews>
  <mergeCells count="167">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A46:A47"/>
    <mergeCell ref="D46:E46"/>
    <mergeCell ref="F46:G46"/>
    <mergeCell ref="H46:H48"/>
    <mergeCell ref="A58:B58"/>
    <mergeCell ref="A59:A61"/>
    <mergeCell ref="D59:E59"/>
    <mergeCell ref="F59:G59"/>
    <mergeCell ref="H59:H61"/>
    <mergeCell ref="C44:D44"/>
    <mergeCell ref="C42:D42"/>
    <mergeCell ref="C43:D43"/>
    <mergeCell ref="E42:F42"/>
    <mergeCell ref="G37:H37"/>
    <mergeCell ref="E38:F38"/>
    <mergeCell ref="G44:H44"/>
    <mergeCell ref="E39:F39"/>
    <mergeCell ref="G39:H39"/>
    <mergeCell ref="G41:H41"/>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s>
  <printOptions horizontalCentered="1"/>
  <pageMargins left="0.19685039370078741" right="0.19685039370078741" top="0.78740157480314965" bottom="0.39370078740157483"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M58"/>
  <sheetViews>
    <sheetView showGridLines="0" zoomScaleNormal="100" workbookViewId="0"/>
  </sheetViews>
  <sheetFormatPr defaultRowHeight="11.25" customHeight="1" x14ac:dyDescent="0.2"/>
  <cols>
    <col min="1" max="1" width="48.85546875" style="283" customWidth="1"/>
    <col min="2" max="2" width="14.42578125" style="283" customWidth="1"/>
    <col min="3" max="3" width="19.140625" style="283" customWidth="1"/>
    <col min="4" max="12" width="6.7109375" style="283" customWidth="1"/>
    <col min="13" max="13" width="8" style="225" customWidth="1"/>
    <col min="14" max="245" width="9.140625" style="283"/>
    <col min="246" max="246" width="32" style="283" customWidth="1"/>
    <col min="247" max="247" width="9.140625" style="283"/>
    <col min="248" max="248" width="9.140625" style="283" customWidth="1"/>
    <col min="249" max="249" width="9.140625" style="283"/>
    <col min="250" max="250" width="9.140625" style="283" customWidth="1"/>
    <col min="251" max="251" width="7" style="283" customWidth="1"/>
    <col min="252" max="252" width="9.140625" style="283" customWidth="1"/>
    <col min="253" max="253" width="7.42578125" style="283" customWidth="1"/>
    <col min="254" max="254" width="9.140625" style="283" customWidth="1"/>
    <col min="255" max="255" width="7.42578125" style="283" customWidth="1"/>
    <col min="256" max="257" width="9.140625" style="283" customWidth="1"/>
    <col min="258" max="258" width="7.42578125" style="283" customWidth="1"/>
    <col min="259" max="259" width="9.140625" style="283" customWidth="1"/>
    <col min="260" max="260" width="7.85546875" style="283" customWidth="1"/>
    <col min="261" max="262" width="9.140625" style="283" customWidth="1"/>
    <col min="263" max="263" width="7.7109375" style="283" customWidth="1"/>
    <col min="264" max="264" width="9.140625" style="283" customWidth="1"/>
    <col min="265" max="265" width="7.5703125" style="283" customWidth="1"/>
    <col min="266" max="266" width="9.140625" style="283" customWidth="1"/>
    <col min="267" max="268" width="7.7109375" style="283" customWidth="1"/>
    <col min="269" max="269" width="8" style="283" customWidth="1"/>
    <col min="270" max="501" width="9.140625" style="283"/>
    <col min="502" max="502" width="32" style="283" customWidth="1"/>
    <col min="503" max="503" width="9.140625" style="283"/>
    <col min="504" max="504" width="9.140625" style="283" customWidth="1"/>
    <col min="505" max="505" width="9.140625" style="283"/>
    <col min="506" max="506" width="9.140625" style="283" customWidth="1"/>
    <col min="507" max="507" width="7" style="283" customWidth="1"/>
    <col min="508" max="508" width="9.140625" style="283" customWidth="1"/>
    <col min="509" max="509" width="7.42578125" style="283" customWidth="1"/>
    <col min="510" max="510" width="9.140625" style="283" customWidth="1"/>
    <col min="511" max="511" width="7.42578125" style="283" customWidth="1"/>
    <col min="512" max="513" width="9.140625" style="283" customWidth="1"/>
    <col min="514" max="514" width="7.42578125" style="283" customWidth="1"/>
    <col min="515" max="515" width="9.140625" style="283" customWidth="1"/>
    <col min="516" max="516" width="7.85546875" style="283" customWidth="1"/>
    <col min="517" max="518" width="9.140625" style="283" customWidth="1"/>
    <col min="519" max="519" width="7.7109375" style="283" customWidth="1"/>
    <col min="520" max="520" width="9.140625" style="283" customWidth="1"/>
    <col min="521" max="521" width="7.5703125" style="283" customWidth="1"/>
    <col min="522" max="522" width="9.140625" style="283" customWidth="1"/>
    <col min="523" max="524" width="7.7109375" style="283" customWidth="1"/>
    <col min="525" max="525" width="8" style="283" customWidth="1"/>
    <col min="526" max="757" width="9.140625" style="283"/>
    <col min="758" max="758" width="32" style="283" customWidth="1"/>
    <col min="759" max="759" width="9.140625" style="283"/>
    <col min="760" max="760" width="9.140625" style="283" customWidth="1"/>
    <col min="761" max="761" width="9.140625" style="283"/>
    <col min="762" max="762" width="9.140625" style="283" customWidth="1"/>
    <col min="763" max="763" width="7" style="283" customWidth="1"/>
    <col min="764" max="764" width="9.140625" style="283" customWidth="1"/>
    <col min="765" max="765" width="7.42578125" style="283" customWidth="1"/>
    <col min="766" max="766" width="9.140625" style="283" customWidth="1"/>
    <col min="767" max="767" width="7.42578125" style="283" customWidth="1"/>
    <col min="768" max="769" width="9.140625" style="283" customWidth="1"/>
    <col min="770" max="770" width="7.42578125" style="283" customWidth="1"/>
    <col min="771" max="771" width="9.140625" style="283" customWidth="1"/>
    <col min="772" max="772" width="7.85546875" style="283" customWidth="1"/>
    <col min="773" max="774" width="9.140625" style="283" customWidth="1"/>
    <col min="775" max="775" width="7.7109375" style="283" customWidth="1"/>
    <col min="776" max="776" width="9.140625" style="283" customWidth="1"/>
    <col min="777" max="777" width="7.5703125" style="283" customWidth="1"/>
    <col min="778" max="778" width="9.140625" style="283" customWidth="1"/>
    <col min="779" max="780" width="7.7109375" style="283" customWidth="1"/>
    <col min="781" max="781" width="8" style="283" customWidth="1"/>
    <col min="782" max="1013" width="9.140625" style="283"/>
    <col min="1014" max="1014" width="32" style="283" customWidth="1"/>
    <col min="1015" max="1015" width="9.140625" style="283"/>
    <col min="1016" max="1016" width="9.140625" style="283" customWidth="1"/>
    <col min="1017" max="1017" width="9.140625" style="283"/>
    <col min="1018" max="1018" width="9.140625" style="283" customWidth="1"/>
    <col min="1019" max="1019" width="7" style="283" customWidth="1"/>
    <col min="1020" max="1020" width="9.140625" style="283" customWidth="1"/>
    <col min="1021" max="1021" width="7.42578125" style="283" customWidth="1"/>
    <col min="1022" max="1022" width="9.140625" style="283" customWidth="1"/>
    <col min="1023" max="1023" width="7.42578125" style="283" customWidth="1"/>
    <col min="1024" max="1025" width="9.140625" style="283" customWidth="1"/>
    <col min="1026" max="1026" width="7.42578125" style="283" customWidth="1"/>
    <col min="1027" max="1027" width="9.140625" style="283" customWidth="1"/>
    <col min="1028" max="1028" width="7.85546875" style="283" customWidth="1"/>
    <col min="1029" max="1030" width="9.140625" style="283" customWidth="1"/>
    <col min="1031" max="1031" width="7.7109375" style="283" customWidth="1"/>
    <col min="1032" max="1032" width="9.140625" style="283" customWidth="1"/>
    <col min="1033" max="1033" width="7.5703125" style="283" customWidth="1"/>
    <col min="1034" max="1034" width="9.140625" style="283" customWidth="1"/>
    <col min="1035" max="1036" width="7.7109375" style="283" customWidth="1"/>
    <col min="1037" max="1037" width="8" style="283" customWidth="1"/>
    <col min="1038" max="1269" width="9.140625" style="283"/>
    <col min="1270" max="1270" width="32" style="283" customWidth="1"/>
    <col min="1271" max="1271" width="9.140625" style="283"/>
    <col min="1272" max="1272" width="9.140625" style="283" customWidth="1"/>
    <col min="1273" max="1273" width="9.140625" style="283"/>
    <col min="1274" max="1274" width="9.140625" style="283" customWidth="1"/>
    <col min="1275" max="1275" width="7" style="283" customWidth="1"/>
    <col min="1276" max="1276" width="9.140625" style="283" customWidth="1"/>
    <col min="1277" max="1277" width="7.42578125" style="283" customWidth="1"/>
    <col min="1278" max="1278" width="9.140625" style="283" customWidth="1"/>
    <col min="1279" max="1279" width="7.42578125" style="283" customWidth="1"/>
    <col min="1280" max="1281" width="9.140625" style="283" customWidth="1"/>
    <col min="1282" max="1282" width="7.42578125" style="283" customWidth="1"/>
    <col min="1283" max="1283" width="9.140625" style="283" customWidth="1"/>
    <col min="1284" max="1284" width="7.85546875" style="283" customWidth="1"/>
    <col min="1285" max="1286" width="9.140625" style="283" customWidth="1"/>
    <col min="1287" max="1287" width="7.7109375" style="283" customWidth="1"/>
    <col min="1288" max="1288" width="9.140625" style="283" customWidth="1"/>
    <col min="1289" max="1289" width="7.5703125" style="283" customWidth="1"/>
    <col min="1290" max="1290" width="9.140625" style="283" customWidth="1"/>
    <col min="1291" max="1292" width="7.7109375" style="283" customWidth="1"/>
    <col min="1293" max="1293" width="8" style="283" customWidth="1"/>
    <col min="1294" max="1525" width="9.140625" style="283"/>
    <col min="1526" max="1526" width="32" style="283" customWidth="1"/>
    <col min="1527" max="1527" width="9.140625" style="283"/>
    <col min="1528" max="1528" width="9.140625" style="283" customWidth="1"/>
    <col min="1529" max="1529" width="9.140625" style="283"/>
    <col min="1530" max="1530" width="9.140625" style="283" customWidth="1"/>
    <col min="1531" max="1531" width="7" style="283" customWidth="1"/>
    <col min="1532" max="1532" width="9.140625" style="283" customWidth="1"/>
    <col min="1533" max="1533" width="7.42578125" style="283" customWidth="1"/>
    <col min="1534" max="1534" width="9.140625" style="283" customWidth="1"/>
    <col min="1535" max="1535" width="7.42578125" style="283" customWidth="1"/>
    <col min="1536" max="1537" width="9.140625" style="283" customWidth="1"/>
    <col min="1538" max="1538" width="7.42578125" style="283" customWidth="1"/>
    <col min="1539" max="1539" width="9.140625" style="283" customWidth="1"/>
    <col min="1540" max="1540" width="7.85546875" style="283" customWidth="1"/>
    <col min="1541" max="1542" width="9.140625" style="283" customWidth="1"/>
    <col min="1543" max="1543" width="7.7109375" style="283" customWidth="1"/>
    <col min="1544" max="1544" width="9.140625" style="283" customWidth="1"/>
    <col min="1545" max="1545" width="7.5703125" style="283" customWidth="1"/>
    <col min="1546" max="1546" width="9.140625" style="283" customWidth="1"/>
    <col min="1547" max="1548" width="7.7109375" style="283" customWidth="1"/>
    <col min="1549" max="1549" width="8" style="283" customWidth="1"/>
    <col min="1550" max="1781" width="9.140625" style="283"/>
    <col min="1782" max="1782" width="32" style="283" customWidth="1"/>
    <col min="1783" max="1783" width="9.140625" style="283"/>
    <col min="1784" max="1784" width="9.140625" style="283" customWidth="1"/>
    <col min="1785" max="1785" width="9.140625" style="283"/>
    <col min="1786" max="1786" width="9.140625" style="283" customWidth="1"/>
    <col min="1787" max="1787" width="7" style="283" customWidth="1"/>
    <col min="1788" max="1788" width="9.140625" style="283" customWidth="1"/>
    <col min="1789" max="1789" width="7.42578125" style="283" customWidth="1"/>
    <col min="1790" max="1790" width="9.140625" style="283" customWidth="1"/>
    <col min="1791" max="1791" width="7.42578125" style="283" customWidth="1"/>
    <col min="1792" max="1793" width="9.140625" style="283" customWidth="1"/>
    <col min="1794" max="1794" width="7.42578125" style="283" customWidth="1"/>
    <col min="1795" max="1795" width="9.140625" style="283" customWidth="1"/>
    <col min="1796" max="1796" width="7.85546875" style="283" customWidth="1"/>
    <col min="1797" max="1798" width="9.140625" style="283" customWidth="1"/>
    <col min="1799" max="1799" width="7.7109375" style="283" customWidth="1"/>
    <col min="1800" max="1800" width="9.140625" style="283" customWidth="1"/>
    <col min="1801" max="1801" width="7.5703125" style="283" customWidth="1"/>
    <col min="1802" max="1802" width="9.140625" style="283" customWidth="1"/>
    <col min="1803" max="1804" width="7.7109375" style="283" customWidth="1"/>
    <col min="1805" max="1805" width="8" style="283" customWidth="1"/>
    <col min="1806" max="2037" width="9.140625" style="283"/>
    <col min="2038" max="2038" width="32" style="283" customWidth="1"/>
    <col min="2039" max="2039" width="9.140625" style="283"/>
    <col min="2040" max="2040" width="9.140625" style="283" customWidth="1"/>
    <col min="2041" max="2041" width="9.140625" style="283"/>
    <col min="2042" max="2042" width="9.140625" style="283" customWidth="1"/>
    <col min="2043" max="2043" width="7" style="283" customWidth="1"/>
    <col min="2044" max="2044" width="9.140625" style="283" customWidth="1"/>
    <col min="2045" max="2045" width="7.42578125" style="283" customWidth="1"/>
    <col min="2046" max="2046" width="9.140625" style="283" customWidth="1"/>
    <col min="2047" max="2047" width="7.42578125" style="283" customWidth="1"/>
    <col min="2048" max="2049" width="9.140625" style="283" customWidth="1"/>
    <col min="2050" max="2050" width="7.42578125" style="283" customWidth="1"/>
    <col min="2051" max="2051" width="9.140625" style="283" customWidth="1"/>
    <col min="2052" max="2052" width="7.85546875" style="283" customWidth="1"/>
    <col min="2053" max="2054" width="9.140625" style="283" customWidth="1"/>
    <col min="2055" max="2055" width="7.7109375" style="283" customWidth="1"/>
    <col min="2056" max="2056" width="9.140625" style="283" customWidth="1"/>
    <col min="2057" max="2057" width="7.5703125" style="283" customWidth="1"/>
    <col min="2058" max="2058" width="9.140625" style="283" customWidth="1"/>
    <col min="2059" max="2060" width="7.7109375" style="283" customWidth="1"/>
    <col min="2061" max="2061" width="8" style="283" customWidth="1"/>
    <col min="2062" max="2293" width="9.140625" style="283"/>
    <col min="2294" max="2294" width="32" style="283" customWidth="1"/>
    <col min="2295" max="2295" width="9.140625" style="283"/>
    <col min="2296" max="2296" width="9.140625" style="283" customWidth="1"/>
    <col min="2297" max="2297" width="9.140625" style="283"/>
    <col min="2298" max="2298" width="9.140625" style="283" customWidth="1"/>
    <col min="2299" max="2299" width="7" style="283" customWidth="1"/>
    <col min="2300" max="2300" width="9.140625" style="283" customWidth="1"/>
    <col min="2301" max="2301" width="7.42578125" style="283" customWidth="1"/>
    <col min="2302" max="2302" width="9.140625" style="283" customWidth="1"/>
    <col min="2303" max="2303" width="7.42578125" style="283" customWidth="1"/>
    <col min="2304" max="2305" width="9.140625" style="283" customWidth="1"/>
    <col min="2306" max="2306" width="7.42578125" style="283" customWidth="1"/>
    <col min="2307" max="2307" width="9.140625" style="283" customWidth="1"/>
    <col min="2308" max="2308" width="7.85546875" style="283" customWidth="1"/>
    <col min="2309" max="2310" width="9.140625" style="283" customWidth="1"/>
    <col min="2311" max="2311" width="7.7109375" style="283" customWidth="1"/>
    <col min="2312" max="2312" width="9.140625" style="283" customWidth="1"/>
    <col min="2313" max="2313" width="7.5703125" style="283" customWidth="1"/>
    <col min="2314" max="2314" width="9.140625" style="283" customWidth="1"/>
    <col min="2315" max="2316" width="7.7109375" style="283" customWidth="1"/>
    <col min="2317" max="2317" width="8" style="283" customWidth="1"/>
    <col min="2318" max="2549" width="9.140625" style="283"/>
    <col min="2550" max="2550" width="32" style="283" customWidth="1"/>
    <col min="2551" max="2551" width="9.140625" style="283"/>
    <col min="2552" max="2552" width="9.140625" style="283" customWidth="1"/>
    <col min="2553" max="2553" width="9.140625" style="283"/>
    <col min="2554" max="2554" width="9.140625" style="283" customWidth="1"/>
    <col min="2555" max="2555" width="7" style="283" customWidth="1"/>
    <col min="2556" max="2556" width="9.140625" style="283" customWidth="1"/>
    <col min="2557" max="2557" width="7.42578125" style="283" customWidth="1"/>
    <col min="2558" max="2558" width="9.140625" style="283" customWidth="1"/>
    <col min="2559" max="2559" width="7.42578125" style="283" customWidth="1"/>
    <col min="2560" max="2561" width="9.140625" style="283" customWidth="1"/>
    <col min="2562" max="2562" width="7.42578125" style="283" customWidth="1"/>
    <col min="2563" max="2563" width="9.140625" style="283" customWidth="1"/>
    <col min="2564" max="2564" width="7.85546875" style="283" customWidth="1"/>
    <col min="2565" max="2566" width="9.140625" style="283" customWidth="1"/>
    <col min="2567" max="2567" width="7.7109375" style="283" customWidth="1"/>
    <col min="2568" max="2568" width="9.140625" style="283" customWidth="1"/>
    <col min="2569" max="2569" width="7.5703125" style="283" customWidth="1"/>
    <col min="2570" max="2570" width="9.140625" style="283" customWidth="1"/>
    <col min="2571" max="2572" width="7.7109375" style="283" customWidth="1"/>
    <col min="2573" max="2573" width="8" style="283" customWidth="1"/>
    <col min="2574" max="2805" width="9.140625" style="283"/>
    <col min="2806" max="2806" width="32" style="283" customWidth="1"/>
    <col min="2807" max="2807" width="9.140625" style="283"/>
    <col min="2808" max="2808" width="9.140625" style="283" customWidth="1"/>
    <col min="2809" max="2809" width="9.140625" style="283"/>
    <col min="2810" max="2810" width="9.140625" style="283" customWidth="1"/>
    <col min="2811" max="2811" width="7" style="283" customWidth="1"/>
    <col min="2812" max="2812" width="9.140625" style="283" customWidth="1"/>
    <col min="2813" max="2813" width="7.42578125" style="283" customWidth="1"/>
    <col min="2814" max="2814" width="9.140625" style="283" customWidth="1"/>
    <col min="2815" max="2815" width="7.42578125" style="283" customWidth="1"/>
    <col min="2816" max="2817" width="9.140625" style="283" customWidth="1"/>
    <col min="2818" max="2818" width="7.42578125" style="283" customWidth="1"/>
    <col min="2819" max="2819" width="9.140625" style="283" customWidth="1"/>
    <col min="2820" max="2820" width="7.85546875" style="283" customWidth="1"/>
    <col min="2821" max="2822" width="9.140625" style="283" customWidth="1"/>
    <col min="2823" max="2823" width="7.7109375" style="283" customWidth="1"/>
    <col min="2824" max="2824" width="9.140625" style="283" customWidth="1"/>
    <col min="2825" max="2825" width="7.5703125" style="283" customWidth="1"/>
    <col min="2826" max="2826" width="9.140625" style="283" customWidth="1"/>
    <col min="2827" max="2828" width="7.7109375" style="283" customWidth="1"/>
    <col min="2829" max="2829" width="8" style="283" customWidth="1"/>
    <col min="2830" max="3061" width="9.140625" style="283"/>
    <col min="3062" max="3062" width="32" style="283" customWidth="1"/>
    <col min="3063" max="3063" width="9.140625" style="283"/>
    <col min="3064" max="3064" width="9.140625" style="283" customWidth="1"/>
    <col min="3065" max="3065" width="9.140625" style="283"/>
    <col min="3066" max="3066" width="9.140625" style="283" customWidth="1"/>
    <col min="3067" max="3067" width="7" style="283" customWidth="1"/>
    <col min="3068" max="3068" width="9.140625" style="283" customWidth="1"/>
    <col min="3069" max="3069" width="7.42578125" style="283" customWidth="1"/>
    <col min="3070" max="3070" width="9.140625" style="283" customWidth="1"/>
    <col min="3071" max="3071" width="7.42578125" style="283" customWidth="1"/>
    <col min="3072" max="3073" width="9.140625" style="283" customWidth="1"/>
    <col min="3074" max="3074" width="7.42578125" style="283" customWidth="1"/>
    <col min="3075" max="3075" width="9.140625" style="283" customWidth="1"/>
    <col min="3076" max="3076" width="7.85546875" style="283" customWidth="1"/>
    <col min="3077" max="3078" width="9.140625" style="283" customWidth="1"/>
    <col min="3079" max="3079" width="7.7109375" style="283" customWidth="1"/>
    <col min="3080" max="3080" width="9.140625" style="283" customWidth="1"/>
    <col min="3081" max="3081" width="7.5703125" style="283" customWidth="1"/>
    <col min="3082" max="3082" width="9.140625" style="283" customWidth="1"/>
    <col min="3083" max="3084" width="7.7109375" style="283" customWidth="1"/>
    <col min="3085" max="3085" width="8" style="283" customWidth="1"/>
    <col min="3086" max="3317" width="9.140625" style="283"/>
    <col min="3318" max="3318" width="32" style="283" customWidth="1"/>
    <col min="3319" max="3319" width="9.140625" style="283"/>
    <col min="3320" max="3320" width="9.140625" style="283" customWidth="1"/>
    <col min="3321" max="3321" width="9.140625" style="283"/>
    <col min="3322" max="3322" width="9.140625" style="283" customWidth="1"/>
    <col min="3323" max="3323" width="7" style="283" customWidth="1"/>
    <col min="3324" max="3324" width="9.140625" style="283" customWidth="1"/>
    <col min="3325" max="3325" width="7.42578125" style="283" customWidth="1"/>
    <col min="3326" max="3326" width="9.140625" style="283" customWidth="1"/>
    <col min="3327" max="3327" width="7.42578125" style="283" customWidth="1"/>
    <col min="3328" max="3329" width="9.140625" style="283" customWidth="1"/>
    <col min="3330" max="3330" width="7.42578125" style="283" customWidth="1"/>
    <col min="3331" max="3331" width="9.140625" style="283" customWidth="1"/>
    <col min="3332" max="3332" width="7.85546875" style="283" customWidth="1"/>
    <col min="3333" max="3334" width="9.140625" style="283" customWidth="1"/>
    <col min="3335" max="3335" width="7.7109375" style="283" customWidth="1"/>
    <col min="3336" max="3336" width="9.140625" style="283" customWidth="1"/>
    <col min="3337" max="3337" width="7.5703125" style="283" customWidth="1"/>
    <col min="3338" max="3338" width="9.140625" style="283" customWidth="1"/>
    <col min="3339" max="3340" width="7.7109375" style="283" customWidth="1"/>
    <col min="3341" max="3341" width="8" style="283" customWidth="1"/>
    <col min="3342" max="3573" width="9.140625" style="283"/>
    <col min="3574" max="3574" width="32" style="283" customWidth="1"/>
    <col min="3575" max="3575" width="9.140625" style="283"/>
    <col min="3576" max="3576" width="9.140625" style="283" customWidth="1"/>
    <col min="3577" max="3577" width="9.140625" style="283"/>
    <col min="3578" max="3578" width="9.140625" style="283" customWidth="1"/>
    <col min="3579" max="3579" width="7" style="283" customWidth="1"/>
    <col min="3580" max="3580" width="9.140625" style="283" customWidth="1"/>
    <col min="3581" max="3581" width="7.42578125" style="283" customWidth="1"/>
    <col min="3582" max="3582" width="9.140625" style="283" customWidth="1"/>
    <col min="3583" max="3583" width="7.42578125" style="283" customWidth="1"/>
    <col min="3584" max="3585" width="9.140625" style="283" customWidth="1"/>
    <col min="3586" max="3586" width="7.42578125" style="283" customWidth="1"/>
    <col min="3587" max="3587" width="9.140625" style="283" customWidth="1"/>
    <col min="3588" max="3588" width="7.85546875" style="283" customWidth="1"/>
    <col min="3589" max="3590" width="9.140625" style="283" customWidth="1"/>
    <col min="3591" max="3591" width="7.7109375" style="283" customWidth="1"/>
    <col min="3592" max="3592" width="9.140625" style="283" customWidth="1"/>
    <col min="3593" max="3593" width="7.5703125" style="283" customWidth="1"/>
    <col min="3594" max="3594" width="9.140625" style="283" customWidth="1"/>
    <col min="3595" max="3596" width="7.7109375" style="283" customWidth="1"/>
    <col min="3597" max="3597" width="8" style="283" customWidth="1"/>
    <col min="3598" max="3829" width="9.140625" style="283"/>
    <col min="3830" max="3830" width="32" style="283" customWidth="1"/>
    <col min="3831" max="3831" width="9.140625" style="283"/>
    <col min="3832" max="3832" width="9.140625" style="283" customWidth="1"/>
    <col min="3833" max="3833" width="9.140625" style="283"/>
    <col min="3834" max="3834" width="9.140625" style="283" customWidth="1"/>
    <col min="3835" max="3835" width="7" style="283" customWidth="1"/>
    <col min="3836" max="3836" width="9.140625" style="283" customWidth="1"/>
    <col min="3837" max="3837" width="7.42578125" style="283" customWidth="1"/>
    <col min="3838" max="3838" width="9.140625" style="283" customWidth="1"/>
    <col min="3839" max="3839" width="7.42578125" style="283" customWidth="1"/>
    <col min="3840" max="3841" width="9.140625" style="283" customWidth="1"/>
    <col min="3842" max="3842" width="7.42578125" style="283" customWidth="1"/>
    <col min="3843" max="3843" width="9.140625" style="283" customWidth="1"/>
    <col min="3844" max="3844" width="7.85546875" style="283" customWidth="1"/>
    <col min="3845" max="3846" width="9.140625" style="283" customWidth="1"/>
    <col min="3847" max="3847" width="7.7109375" style="283" customWidth="1"/>
    <col min="3848" max="3848" width="9.140625" style="283" customWidth="1"/>
    <col min="3849" max="3849" width="7.5703125" style="283" customWidth="1"/>
    <col min="3850" max="3850" width="9.140625" style="283" customWidth="1"/>
    <col min="3851" max="3852" width="7.7109375" style="283" customWidth="1"/>
    <col min="3853" max="3853" width="8" style="283" customWidth="1"/>
    <col min="3854" max="4085" width="9.140625" style="283"/>
    <col min="4086" max="4086" width="32" style="283" customWidth="1"/>
    <col min="4087" max="4087" width="9.140625" style="283"/>
    <col min="4088" max="4088" width="9.140625" style="283" customWidth="1"/>
    <col min="4089" max="4089" width="9.140625" style="283"/>
    <col min="4090" max="4090" width="9.140625" style="283" customWidth="1"/>
    <col min="4091" max="4091" width="7" style="283" customWidth="1"/>
    <col min="4092" max="4092" width="9.140625" style="283" customWidth="1"/>
    <col min="4093" max="4093" width="7.42578125" style="283" customWidth="1"/>
    <col min="4094" max="4094" width="9.140625" style="283" customWidth="1"/>
    <col min="4095" max="4095" width="7.42578125" style="283" customWidth="1"/>
    <col min="4096" max="4097" width="9.140625" style="283" customWidth="1"/>
    <col min="4098" max="4098" width="7.42578125" style="283" customWidth="1"/>
    <col min="4099" max="4099" width="9.140625" style="283" customWidth="1"/>
    <col min="4100" max="4100" width="7.85546875" style="283" customWidth="1"/>
    <col min="4101" max="4102" width="9.140625" style="283" customWidth="1"/>
    <col min="4103" max="4103" width="7.7109375" style="283" customWidth="1"/>
    <col min="4104" max="4104" width="9.140625" style="283" customWidth="1"/>
    <col min="4105" max="4105" width="7.5703125" style="283" customWidth="1"/>
    <col min="4106" max="4106" width="9.140625" style="283" customWidth="1"/>
    <col min="4107" max="4108" width="7.7109375" style="283" customWidth="1"/>
    <col min="4109" max="4109" width="8" style="283" customWidth="1"/>
    <col min="4110" max="4341" width="9.140625" style="283"/>
    <col min="4342" max="4342" width="32" style="283" customWidth="1"/>
    <col min="4343" max="4343" width="9.140625" style="283"/>
    <col min="4344" max="4344" width="9.140625" style="283" customWidth="1"/>
    <col min="4345" max="4345" width="9.140625" style="283"/>
    <col min="4346" max="4346" width="9.140625" style="283" customWidth="1"/>
    <col min="4347" max="4347" width="7" style="283" customWidth="1"/>
    <col min="4348" max="4348" width="9.140625" style="283" customWidth="1"/>
    <col min="4349" max="4349" width="7.42578125" style="283" customWidth="1"/>
    <col min="4350" max="4350" width="9.140625" style="283" customWidth="1"/>
    <col min="4351" max="4351" width="7.42578125" style="283" customWidth="1"/>
    <col min="4352" max="4353" width="9.140625" style="283" customWidth="1"/>
    <col min="4354" max="4354" width="7.42578125" style="283" customWidth="1"/>
    <col min="4355" max="4355" width="9.140625" style="283" customWidth="1"/>
    <col min="4356" max="4356" width="7.85546875" style="283" customWidth="1"/>
    <col min="4357" max="4358" width="9.140625" style="283" customWidth="1"/>
    <col min="4359" max="4359" width="7.7109375" style="283" customWidth="1"/>
    <col min="4360" max="4360" width="9.140625" style="283" customWidth="1"/>
    <col min="4361" max="4361" width="7.5703125" style="283" customWidth="1"/>
    <col min="4362" max="4362" width="9.140625" style="283" customWidth="1"/>
    <col min="4363" max="4364" width="7.7109375" style="283" customWidth="1"/>
    <col min="4365" max="4365" width="8" style="283" customWidth="1"/>
    <col min="4366" max="4597" width="9.140625" style="283"/>
    <col min="4598" max="4598" width="32" style="283" customWidth="1"/>
    <col min="4599" max="4599" width="9.140625" style="283"/>
    <col min="4600" max="4600" width="9.140625" style="283" customWidth="1"/>
    <col min="4601" max="4601" width="9.140625" style="283"/>
    <col min="4602" max="4602" width="9.140625" style="283" customWidth="1"/>
    <col min="4603" max="4603" width="7" style="283" customWidth="1"/>
    <col min="4604" max="4604" width="9.140625" style="283" customWidth="1"/>
    <col min="4605" max="4605" width="7.42578125" style="283" customWidth="1"/>
    <col min="4606" max="4606" width="9.140625" style="283" customWidth="1"/>
    <col min="4607" max="4607" width="7.42578125" style="283" customWidth="1"/>
    <col min="4608" max="4609" width="9.140625" style="283" customWidth="1"/>
    <col min="4610" max="4610" width="7.42578125" style="283" customWidth="1"/>
    <col min="4611" max="4611" width="9.140625" style="283" customWidth="1"/>
    <col min="4612" max="4612" width="7.85546875" style="283" customWidth="1"/>
    <col min="4613" max="4614" width="9.140625" style="283" customWidth="1"/>
    <col min="4615" max="4615" width="7.7109375" style="283" customWidth="1"/>
    <col min="4616" max="4616" width="9.140625" style="283" customWidth="1"/>
    <col min="4617" max="4617" width="7.5703125" style="283" customWidth="1"/>
    <col min="4618" max="4618" width="9.140625" style="283" customWidth="1"/>
    <col min="4619" max="4620" width="7.7109375" style="283" customWidth="1"/>
    <col min="4621" max="4621" width="8" style="283" customWidth="1"/>
    <col min="4622" max="4853" width="9.140625" style="283"/>
    <col min="4854" max="4854" width="32" style="283" customWidth="1"/>
    <col min="4855" max="4855" width="9.140625" style="283"/>
    <col min="4856" max="4856" width="9.140625" style="283" customWidth="1"/>
    <col min="4857" max="4857" width="9.140625" style="283"/>
    <col min="4858" max="4858" width="9.140625" style="283" customWidth="1"/>
    <col min="4859" max="4859" width="7" style="283" customWidth="1"/>
    <col min="4860" max="4860" width="9.140625" style="283" customWidth="1"/>
    <col min="4861" max="4861" width="7.42578125" style="283" customWidth="1"/>
    <col min="4862" max="4862" width="9.140625" style="283" customWidth="1"/>
    <col min="4863" max="4863" width="7.42578125" style="283" customWidth="1"/>
    <col min="4864" max="4865" width="9.140625" style="283" customWidth="1"/>
    <col min="4866" max="4866" width="7.42578125" style="283" customWidth="1"/>
    <col min="4867" max="4867" width="9.140625" style="283" customWidth="1"/>
    <col min="4868" max="4868" width="7.85546875" style="283" customWidth="1"/>
    <col min="4869" max="4870" width="9.140625" style="283" customWidth="1"/>
    <col min="4871" max="4871" width="7.7109375" style="283" customWidth="1"/>
    <col min="4872" max="4872" width="9.140625" style="283" customWidth="1"/>
    <col min="4873" max="4873" width="7.5703125" style="283" customWidth="1"/>
    <col min="4874" max="4874" width="9.140625" style="283" customWidth="1"/>
    <col min="4875" max="4876" width="7.7109375" style="283" customWidth="1"/>
    <col min="4877" max="4877" width="8" style="283" customWidth="1"/>
    <col min="4878" max="5109" width="9.140625" style="283"/>
    <col min="5110" max="5110" width="32" style="283" customWidth="1"/>
    <col min="5111" max="5111" width="9.140625" style="283"/>
    <col min="5112" max="5112" width="9.140625" style="283" customWidth="1"/>
    <col min="5113" max="5113" width="9.140625" style="283"/>
    <col min="5114" max="5114" width="9.140625" style="283" customWidth="1"/>
    <col min="5115" max="5115" width="7" style="283" customWidth="1"/>
    <col min="5116" max="5116" width="9.140625" style="283" customWidth="1"/>
    <col min="5117" max="5117" width="7.42578125" style="283" customWidth="1"/>
    <col min="5118" max="5118" width="9.140625" style="283" customWidth="1"/>
    <col min="5119" max="5119" width="7.42578125" style="283" customWidth="1"/>
    <col min="5120" max="5121" width="9.140625" style="283" customWidth="1"/>
    <col min="5122" max="5122" width="7.42578125" style="283" customWidth="1"/>
    <col min="5123" max="5123" width="9.140625" style="283" customWidth="1"/>
    <col min="5124" max="5124" width="7.85546875" style="283" customWidth="1"/>
    <col min="5125" max="5126" width="9.140625" style="283" customWidth="1"/>
    <col min="5127" max="5127" width="7.7109375" style="283" customWidth="1"/>
    <col min="5128" max="5128" width="9.140625" style="283" customWidth="1"/>
    <col min="5129" max="5129" width="7.5703125" style="283" customWidth="1"/>
    <col min="5130" max="5130" width="9.140625" style="283" customWidth="1"/>
    <col min="5131" max="5132" width="7.7109375" style="283" customWidth="1"/>
    <col min="5133" max="5133" width="8" style="283" customWidth="1"/>
    <col min="5134" max="5365" width="9.140625" style="283"/>
    <col min="5366" max="5366" width="32" style="283" customWidth="1"/>
    <col min="5367" max="5367" width="9.140625" style="283"/>
    <col min="5368" max="5368" width="9.140625" style="283" customWidth="1"/>
    <col min="5369" max="5369" width="9.140625" style="283"/>
    <col min="5370" max="5370" width="9.140625" style="283" customWidth="1"/>
    <col min="5371" max="5371" width="7" style="283" customWidth="1"/>
    <col min="5372" max="5372" width="9.140625" style="283" customWidth="1"/>
    <col min="5373" max="5373" width="7.42578125" style="283" customWidth="1"/>
    <col min="5374" max="5374" width="9.140625" style="283" customWidth="1"/>
    <col min="5375" max="5375" width="7.42578125" style="283" customWidth="1"/>
    <col min="5376" max="5377" width="9.140625" style="283" customWidth="1"/>
    <col min="5378" max="5378" width="7.42578125" style="283" customWidth="1"/>
    <col min="5379" max="5379" width="9.140625" style="283" customWidth="1"/>
    <col min="5380" max="5380" width="7.85546875" style="283" customWidth="1"/>
    <col min="5381" max="5382" width="9.140625" style="283" customWidth="1"/>
    <col min="5383" max="5383" width="7.7109375" style="283" customWidth="1"/>
    <col min="5384" max="5384" width="9.140625" style="283" customWidth="1"/>
    <col min="5385" max="5385" width="7.5703125" style="283" customWidth="1"/>
    <col min="5386" max="5386" width="9.140625" style="283" customWidth="1"/>
    <col min="5387" max="5388" width="7.7109375" style="283" customWidth="1"/>
    <col min="5389" max="5389" width="8" style="283" customWidth="1"/>
    <col min="5390" max="5621" width="9.140625" style="283"/>
    <col min="5622" max="5622" width="32" style="283" customWidth="1"/>
    <col min="5623" max="5623" width="9.140625" style="283"/>
    <col min="5624" max="5624" width="9.140625" style="283" customWidth="1"/>
    <col min="5625" max="5625" width="9.140625" style="283"/>
    <col min="5626" max="5626" width="9.140625" style="283" customWidth="1"/>
    <col min="5627" max="5627" width="7" style="283" customWidth="1"/>
    <col min="5628" max="5628" width="9.140625" style="283" customWidth="1"/>
    <col min="5629" max="5629" width="7.42578125" style="283" customWidth="1"/>
    <col min="5630" max="5630" width="9.140625" style="283" customWidth="1"/>
    <col min="5631" max="5631" width="7.42578125" style="283" customWidth="1"/>
    <col min="5632" max="5633" width="9.140625" style="283" customWidth="1"/>
    <col min="5634" max="5634" width="7.42578125" style="283" customWidth="1"/>
    <col min="5635" max="5635" width="9.140625" style="283" customWidth="1"/>
    <col min="5636" max="5636" width="7.85546875" style="283" customWidth="1"/>
    <col min="5637" max="5638" width="9.140625" style="283" customWidth="1"/>
    <col min="5639" max="5639" width="7.7109375" style="283" customWidth="1"/>
    <col min="5640" max="5640" width="9.140625" style="283" customWidth="1"/>
    <col min="5641" max="5641" width="7.5703125" style="283" customWidth="1"/>
    <col min="5642" max="5642" width="9.140625" style="283" customWidth="1"/>
    <col min="5643" max="5644" width="7.7109375" style="283" customWidth="1"/>
    <col min="5645" max="5645" width="8" style="283" customWidth="1"/>
    <col min="5646" max="5877" width="9.140625" style="283"/>
    <col min="5878" max="5878" width="32" style="283" customWidth="1"/>
    <col min="5879" max="5879" width="9.140625" style="283"/>
    <col min="5880" max="5880" width="9.140625" style="283" customWidth="1"/>
    <col min="5881" max="5881" width="9.140625" style="283"/>
    <col min="5882" max="5882" width="9.140625" style="283" customWidth="1"/>
    <col min="5883" max="5883" width="7" style="283" customWidth="1"/>
    <col min="5884" max="5884" width="9.140625" style="283" customWidth="1"/>
    <col min="5885" max="5885" width="7.42578125" style="283" customWidth="1"/>
    <col min="5886" max="5886" width="9.140625" style="283" customWidth="1"/>
    <col min="5887" max="5887" width="7.42578125" style="283" customWidth="1"/>
    <col min="5888" max="5889" width="9.140625" style="283" customWidth="1"/>
    <col min="5890" max="5890" width="7.42578125" style="283" customWidth="1"/>
    <col min="5891" max="5891" width="9.140625" style="283" customWidth="1"/>
    <col min="5892" max="5892" width="7.85546875" style="283" customWidth="1"/>
    <col min="5893" max="5894" width="9.140625" style="283" customWidth="1"/>
    <col min="5895" max="5895" width="7.7109375" style="283" customWidth="1"/>
    <col min="5896" max="5896" width="9.140625" style="283" customWidth="1"/>
    <col min="5897" max="5897" width="7.5703125" style="283" customWidth="1"/>
    <col min="5898" max="5898" width="9.140625" style="283" customWidth="1"/>
    <col min="5899" max="5900" width="7.7109375" style="283" customWidth="1"/>
    <col min="5901" max="5901" width="8" style="283" customWidth="1"/>
    <col min="5902" max="6133" width="9.140625" style="283"/>
    <col min="6134" max="6134" width="32" style="283" customWidth="1"/>
    <col min="6135" max="6135" width="9.140625" style="283"/>
    <col min="6136" max="6136" width="9.140625" style="283" customWidth="1"/>
    <col min="6137" max="6137" width="9.140625" style="283"/>
    <col min="6138" max="6138" width="9.140625" style="283" customWidth="1"/>
    <col min="6139" max="6139" width="7" style="283" customWidth="1"/>
    <col min="6140" max="6140" width="9.140625" style="283" customWidth="1"/>
    <col min="6141" max="6141" width="7.42578125" style="283" customWidth="1"/>
    <col min="6142" max="6142" width="9.140625" style="283" customWidth="1"/>
    <col min="6143" max="6143" width="7.42578125" style="283" customWidth="1"/>
    <col min="6144" max="6145" width="9.140625" style="283" customWidth="1"/>
    <col min="6146" max="6146" width="7.42578125" style="283" customWidth="1"/>
    <col min="6147" max="6147" width="9.140625" style="283" customWidth="1"/>
    <col min="6148" max="6148" width="7.85546875" style="283" customWidth="1"/>
    <col min="6149" max="6150" width="9.140625" style="283" customWidth="1"/>
    <col min="6151" max="6151" width="7.7109375" style="283" customWidth="1"/>
    <col min="6152" max="6152" width="9.140625" style="283" customWidth="1"/>
    <col min="6153" max="6153" width="7.5703125" style="283" customWidth="1"/>
    <col min="6154" max="6154" width="9.140625" style="283" customWidth="1"/>
    <col min="6155" max="6156" width="7.7109375" style="283" customWidth="1"/>
    <col min="6157" max="6157" width="8" style="283" customWidth="1"/>
    <col min="6158" max="6389" width="9.140625" style="283"/>
    <col min="6390" max="6390" width="32" style="283" customWidth="1"/>
    <col min="6391" max="6391" width="9.140625" style="283"/>
    <col min="6392" max="6392" width="9.140625" style="283" customWidth="1"/>
    <col min="6393" max="6393" width="9.140625" style="283"/>
    <col min="6394" max="6394" width="9.140625" style="283" customWidth="1"/>
    <col min="6395" max="6395" width="7" style="283" customWidth="1"/>
    <col min="6396" max="6396" width="9.140625" style="283" customWidth="1"/>
    <col min="6397" max="6397" width="7.42578125" style="283" customWidth="1"/>
    <col min="6398" max="6398" width="9.140625" style="283" customWidth="1"/>
    <col min="6399" max="6399" width="7.42578125" style="283" customWidth="1"/>
    <col min="6400" max="6401" width="9.140625" style="283" customWidth="1"/>
    <col min="6402" max="6402" width="7.42578125" style="283" customWidth="1"/>
    <col min="6403" max="6403" width="9.140625" style="283" customWidth="1"/>
    <col min="6404" max="6404" width="7.85546875" style="283" customWidth="1"/>
    <col min="6405" max="6406" width="9.140625" style="283" customWidth="1"/>
    <col min="6407" max="6407" width="7.7109375" style="283" customWidth="1"/>
    <col min="6408" max="6408" width="9.140625" style="283" customWidth="1"/>
    <col min="6409" max="6409" width="7.5703125" style="283" customWidth="1"/>
    <col min="6410" max="6410" width="9.140625" style="283" customWidth="1"/>
    <col min="6411" max="6412" width="7.7109375" style="283" customWidth="1"/>
    <col min="6413" max="6413" width="8" style="283" customWidth="1"/>
    <col min="6414" max="6645" width="9.140625" style="283"/>
    <col min="6646" max="6646" width="32" style="283" customWidth="1"/>
    <col min="6647" max="6647" width="9.140625" style="283"/>
    <col min="6648" max="6648" width="9.140625" style="283" customWidth="1"/>
    <col min="6649" max="6649" width="9.140625" style="283"/>
    <col min="6650" max="6650" width="9.140625" style="283" customWidth="1"/>
    <col min="6651" max="6651" width="7" style="283" customWidth="1"/>
    <col min="6652" max="6652" width="9.140625" style="283" customWidth="1"/>
    <col min="6653" max="6653" width="7.42578125" style="283" customWidth="1"/>
    <col min="6654" max="6654" width="9.140625" style="283" customWidth="1"/>
    <col min="6655" max="6655" width="7.42578125" style="283" customWidth="1"/>
    <col min="6656" max="6657" width="9.140625" style="283" customWidth="1"/>
    <col min="6658" max="6658" width="7.42578125" style="283" customWidth="1"/>
    <col min="6659" max="6659" width="9.140625" style="283" customWidth="1"/>
    <col min="6660" max="6660" width="7.85546875" style="283" customWidth="1"/>
    <col min="6661" max="6662" width="9.140625" style="283" customWidth="1"/>
    <col min="6663" max="6663" width="7.7109375" style="283" customWidth="1"/>
    <col min="6664" max="6664" width="9.140625" style="283" customWidth="1"/>
    <col min="6665" max="6665" width="7.5703125" style="283" customWidth="1"/>
    <col min="6666" max="6666" width="9.140625" style="283" customWidth="1"/>
    <col min="6667" max="6668" width="7.7109375" style="283" customWidth="1"/>
    <col min="6669" max="6669" width="8" style="283" customWidth="1"/>
    <col min="6670" max="6901" width="9.140625" style="283"/>
    <col min="6902" max="6902" width="32" style="283" customWidth="1"/>
    <col min="6903" max="6903" width="9.140625" style="283"/>
    <col min="6904" max="6904" width="9.140625" style="283" customWidth="1"/>
    <col min="6905" max="6905" width="9.140625" style="283"/>
    <col min="6906" max="6906" width="9.140625" style="283" customWidth="1"/>
    <col min="6907" max="6907" width="7" style="283" customWidth="1"/>
    <col min="6908" max="6908" width="9.140625" style="283" customWidth="1"/>
    <col min="6909" max="6909" width="7.42578125" style="283" customWidth="1"/>
    <col min="6910" max="6910" width="9.140625" style="283" customWidth="1"/>
    <col min="6911" max="6911" width="7.42578125" style="283" customWidth="1"/>
    <col min="6912" max="6913" width="9.140625" style="283" customWidth="1"/>
    <col min="6914" max="6914" width="7.42578125" style="283" customWidth="1"/>
    <col min="6915" max="6915" width="9.140625" style="283" customWidth="1"/>
    <col min="6916" max="6916" width="7.85546875" style="283" customWidth="1"/>
    <col min="6917" max="6918" width="9.140625" style="283" customWidth="1"/>
    <col min="6919" max="6919" width="7.7109375" style="283" customWidth="1"/>
    <col min="6920" max="6920" width="9.140625" style="283" customWidth="1"/>
    <col min="6921" max="6921" width="7.5703125" style="283" customWidth="1"/>
    <col min="6922" max="6922" width="9.140625" style="283" customWidth="1"/>
    <col min="6923" max="6924" width="7.7109375" style="283" customWidth="1"/>
    <col min="6925" max="6925" width="8" style="283" customWidth="1"/>
    <col min="6926" max="7157" width="9.140625" style="283"/>
    <col min="7158" max="7158" width="32" style="283" customWidth="1"/>
    <col min="7159" max="7159" width="9.140625" style="283"/>
    <col min="7160" max="7160" width="9.140625" style="283" customWidth="1"/>
    <col min="7161" max="7161" width="9.140625" style="283"/>
    <col min="7162" max="7162" width="9.140625" style="283" customWidth="1"/>
    <col min="7163" max="7163" width="7" style="283" customWidth="1"/>
    <col min="7164" max="7164" width="9.140625" style="283" customWidth="1"/>
    <col min="7165" max="7165" width="7.42578125" style="283" customWidth="1"/>
    <col min="7166" max="7166" width="9.140625" style="283" customWidth="1"/>
    <col min="7167" max="7167" width="7.42578125" style="283" customWidth="1"/>
    <col min="7168" max="7169" width="9.140625" style="283" customWidth="1"/>
    <col min="7170" max="7170" width="7.42578125" style="283" customWidth="1"/>
    <col min="7171" max="7171" width="9.140625" style="283" customWidth="1"/>
    <col min="7172" max="7172" width="7.85546875" style="283" customWidth="1"/>
    <col min="7173" max="7174" width="9.140625" style="283" customWidth="1"/>
    <col min="7175" max="7175" width="7.7109375" style="283" customWidth="1"/>
    <col min="7176" max="7176" width="9.140625" style="283" customWidth="1"/>
    <col min="7177" max="7177" width="7.5703125" style="283" customWidth="1"/>
    <col min="7178" max="7178" width="9.140625" style="283" customWidth="1"/>
    <col min="7179" max="7180" width="7.7109375" style="283" customWidth="1"/>
    <col min="7181" max="7181" width="8" style="283" customWidth="1"/>
    <col min="7182" max="7413" width="9.140625" style="283"/>
    <col min="7414" max="7414" width="32" style="283" customWidth="1"/>
    <col min="7415" max="7415" width="9.140625" style="283"/>
    <col min="7416" max="7416" width="9.140625" style="283" customWidth="1"/>
    <col min="7417" max="7417" width="9.140625" style="283"/>
    <col min="7418" max="7418" width="9.140625" style="283" customWidth="1"/>
    <col min="7419" max="7419" width="7" style="283" customWidth="1"/>
    <col min="7420" max="7420" width="9.140625" style="283" customWidth="1"/>
    <col min="7421" max="7421" width="7.42578125" style="283" customWidth="1"/>
    <col min="7422" max="7422" width="9.140625" style="283" customWidth="1"/>
    <col min="7423" max="7423" width="7.42578125" style="283" customWidth="1"/>
    <col min="7424" max="7425" width="9.140625" style="283" customWidth="1"/>
    <col min="7426" max="7426" width="7.42578125" style="283" customWidth="1"/>
    <col min="7427" max="7427" width="9.140625" style="283" customWidth="1"/>
    <col min="7428" max="7428" width="7.85546875" style="283" customWidth="1"/>
    <col min="7429" max="7430" width="9.140625" style="283" customWidth="1"/>
    <col min="7431" max="7431" width="7.7109375" style="283" customWidth="1"/>
    <col min="7432" max="7432" width="9.140625" style="283" customWidth="1"/>
    <col min="7433" max="7433" width="7.5703125" style="283" customWidth="1"/>
    <col min="7434" max="7434" width="9.140625" style="283" customWidth="1"/>
    <col min="7435" max="7436" width="7.7109375" style="283" customWidth="1"/>
    <col min="7437" max="7437" width="8" style="283" customWidth="1"/>
    <col min="7438" max="7669" width="9.140625" style="283"/>
    <col min="7670" max="7670" width="32" style="283" customWidth="1"/>
    <col min="7671" max="7671" width="9.140625" style="283"/>
    <col min="7672" max="7672" width="9.140625" style="283" customWidth="1"/>
    <col min="7673" max="7673" width="9.140625" style="283"/>
    <col min="7674" max="7674" width="9.140625" style="283" customWidth="1"/>
    <col min="7675" max="7675" width="7" style="283" customWidth="1"/>
    <col min="7676" max="7676" width="9.140625" style="283" customWidth="1"/>
    <col min="7677" max="7677" width="7.42578125" style="283" customWidth="1"/>
    <col min="7678" max="7678" width="9.140625" style="283" customWidth="1"/>
    <col min="7679" max="7679" width="7.42578125" style="283" customWidth="1"/>
    <col min="7680" max="7681" width="9.140625" style="283" customWidth="1"/>
    <col min="7682" max="7682" width="7.42578125" style="283" customWidth="1"/>
    <col min="7683" max="7683" width="9.140625" style="283" customWidth="1"/>
    <col min="7684" max="7684" width="7.85546875" style="283" customWidth="1"/>
    <col min="7685" max="7686" width="9.140625" style="283" customWidth="1"/>
    <col min="7687" max="7687" width="7.7109375" style="283" customWidth="1"/>
    <col min="7688" max="7688" width="9.140625" style="283" customWidth="1"/>
    <col min="7689" max="7689" width="7.5703125" style="283" customWidth="1"/>
    <col min="7690" max="7690" width="9.140625" style="283" customWidth="1"/>
    <col min="7691" max="7692" width="7.7109375" style="283" customWidth="1"/>
    <col min="7693" max="7693" width="8" style="283" customWidth="1"/>
    <col min="7694" max="7925" width="9.140625" style="283"/>
    <col min="7926" max="7926" width="32" style="283" customWidth="1"/>
    <col min="7927" max="7927" width="9.140625" style="283"/>
    <col min="7928" max="7928" width="9.140625" style="283" customWidth="1"/>
    <col min="7929" max="7929" width="9.140625" style="283"/>
    <col min="7930" max="7930" width="9.140625" style="283" customWidth="1"/>
    <col min="7931" max="7931" width="7" style="283" customWidth="1"/>
    <col min="7932" max="7932" width="9.140625" style="283" customWidth="1"/>
    <col min="7933" max="7933" width="7.42578125" style="283" customWidth="1"/>
    <col min="7934" max="7934" width="9.140625" style="283" customWidth="1"/>
    <col min="7935" max="7935" width="7.42578125" style="283" customWidth="1"/>
    <col min="7936" max="7937" width="9.140625" style="283" customWidth="1"/>
    <col min="7938" max="7938" width="7.42578125" style="283" customWidth="1"/>
    <col min="7939" max="7939" width="9.140625" style="283" customWidth="1"/>
    <col min="7940" max="7940" width="7.85546875" style="283" customWidth="1"/>
    <col min="7941" max="7942" width="9.140625" style="283" customWidth="1"/>
    <col min="7943" max="7943" width="7.7109375" style="283" customWidth="1"/>
    <col min="7944" max="7944" width="9.140625" style="283" customWidth="1"/>
    <col min="7945" max="7945" width="7.5703125" style="283" customWidth="1"/>
    <col min="7946" max="7946" width="9.140625" style="283" customWidth="1"/>
    <col min="7947" max="7948" width="7.7109375" style="283" customWidth="1"/>
    <col min="7949" max="7949" width="8" style="283" customWidth="1"/>
    <col min="7950" max="8181" width="9.140625" style="283"/>
    <col min="8182" max="8182" width="32" style="283" customWidth="1"/>
    <col min="8183" max="8183" width="9.140625" style="283"/>
    <col min="8184" max="8184" width="9.140625" style="283" customWidth="1"/>
    <col min="8185" max="8185" width="9.140625" style="283"/>
    <col min="8186" max="8186" width="9.140625" style="283" customWidth="1"/>
    <col min="8187" max="8187" width="7" style="283" customWidth="1"/>
    <col min="8188" max="8188" width="9.140625" style="283" customWidth="1"/>
    <col min="8189" max="8189" width="7.42578125" style="283" customWidth="1"/>
    <col min="8190" max="8190" width="9.140625" style="283" customWidth="1"/>
    <col min="8191" max="8191" width="7.42578125" style="283" customWidth="1"/>
    <col min="8192" max="8193" width="9.140625" style="283" customWidth="1"/>
    <col min="8194" max="8194" width="7.42578125" style="283" customWidth="1"/>
    <col min="8195" max="8195" width="9.140625" style="283" customWidth="1"/>
    <col min="8196" max="8196" width="7.85546875" style="283" customWidth="1"/>
    <col min="8197" max="8198" width="9.140625" style="283" customWidth="1"/>
    <col min="8199" max="8199" width="7.7109375" style="283" customWidth="1"/>
    <col min="8200" max="8200" width="9.140625" style="283" customWidth="1"/>
    <col min="8201" max="8201" width="7.5703125" style="283" customWidth="1"/>
    <col min="8202" max="8202" width="9.140625" style="283" customWidth="1"/>
    <col min="8203" max="8204" width="7.7109375" style="283" customWidth="1"/>
    <col min="8205" max="8205" width="8" style="283" customWidth="1"/>
    <col min="8206" max="8437" width="9.140625" style="283"/>
    <col min="8438" max="8438" width="32" style="283" customWidth="1"/>
    <col min="8439" max="8439" width="9.140625" style="283"/>
    <col min="8440" max="8440" width="9.140625" style="283" customWidth="1"/>
    <col min="8441" max="8441" width="9.140625" style="283"/>
    <col min="8442" max="8442" width="9.140625" style="283" customWidth="1"/>
    <col min="8443" max="8443" width="7" style="283" customWidth="1"/>
    <col min="8444" max="8444" width="9.140625" style="283" customWidth="1"/>
    <col min="8445" max="8445" width="7.42578125" style="283" customWidth="1"/>
    <col min="8446" max="8446" width="9.140625" style="283" customWidth="1"/>
    <col min="8447" max="8447" width="7.42578125" style="283" customWidth="1"/>
    <col min="8448" max="8449" width="9.140625" style="283" customWidth="1"/>
    <col min="8450" max="8450" width="7.42578125" style="283" customWidth="1"/>
    <col min="8451" max="8451" width="9.140625" style="283" customWidth="1"/>
    <col min="8452" max="8452" width="7.85546875" style="283" customWidth="1"/>
    <col min="8453" max="8454" width="9.140625" style="283" customWidth="1"/>
    <col min="8455" max="8455" width="7.7109375" style="283" customWidth="1"/>
    <col min="8456" max="8456" width="9.140625" style="283" customWidth="1"/>
    <col min="8457" max="8457" width="7.5703125" style="283" customWidth="1"/>
    <col min="8458" max="8458" width="9.140625" style="283" customWidth="1"/>
    <col min="8459" max="8460" width="7.7109375" style="283" customWidth="1"/>
    <col min="8461" max="8461" width="8" style="283" customWidth="1"/>
    <col min="8462" max="8693" width="9.140625" style="283"/>
    <col min="8694" max="8694" width="32" style="283" customWidth="1"/>
    <col min="8695" max="8695" width="9.140625" style="283"/>
    <col min="8696" max="8696" width="9.140625" style="283" customWidth="1"/>
    <col min="8697" max="8697" width="9.140625" style="283"/>
    <col min="8698" max="8698" width="9.140625" style="283" customWidth="1"/>
    <col min="8699" max="8699" width="7" style="283" customWidth="1"/>
    <col min="8700" max="8700" width="9.140625" style="283" customWidth="1"/>
    <col min="8701" max="8701" width="7.42578125" style="283" customWidth="1"/>
    <col min="8702" max="8702" width="9.140625" style="283" customWidth="1"/>
    <col min="8703" max="8703" width="7.42578125" style="283" customWidth="1"/>
    <col min="8704" max="8705" width="9.140625" style="283" customWidth="1"/>
    <col min="8706" max="8706" width="7.42578125" style="283" customWidth="1"/>
    <col min="8707" max="8707" width="9.140625" style="283" customWidth="1"/>
    <col min="8708" max="8708" width="7.85546875" style="283" customWidth="1"/>
    <col min="8709" max="8710" width="9.140625" style="283" customWidth="1"/>
    <col min="8711" max="8711" width="7.7109375" style="283" customWidth="1"/>
    <col min="8712" max="8712" width="9.140625" style="283" customWidth="1"/>
    <col min="8713" max="8713" width="7.5703125" style="283" customWidth="1"/>
    <col min="8714" max="8714" width="9.140625" style="283" customWidth="1"/>
    <col min="8715" max="8716" width="7.7109375" style="283" customWidth="1"/>
    <col min="8717" max="8717" width="8" style="283" customWidth="1"/>
    <col min="8718" max="8949" width="9.140625" style="283"/>
    <col min="8950" max="8950" width="32" style="283" customWidth="1"/>
    <col min="8951" max="8951" width="9.140625" style="283"/>
    <col min="8952" max="8952" width="9.140625" style="283" customWidth="1"/>
    <col min="8953" max="8953" width="9.140625" style="283"/>
    <col min="8954" max="8954" width="9.140625" style="283" customWidth="1"/>
    <col min="8955" max="8955" width="7" style="283" customWidth="1"/>
    <col min="8956" max="8956" width="9.140625" style="283" customWidth="1"/>
    <col min="8957" max="8957" width="7.42578125" style="283" customWidth="1"/>
    <col min="8958" max="8958" width="9.140625" style="283" customWidth="1"/>
    <col min="8959" max="8959" width="7.42578125" style="283" customWidth="1"/>
    <col min="8960" max="8961" width="9.140625" style="283" customWidth="1"/>
    <col min="8962" max="8962" width="7.42578125" style="283" customWidth="1"/>
    <col min="8963" max="8963" width="9.140625" style="283" customWidth="1"/>
    <col min="8964" max="8964" width="7.85546875" style="283" customWidth="1"/>
    <col min="8965" max="8966" width="9.140625" style="283" customWidth="1"/>
    <col min="8967" max="8967" width="7.7109375" style="283" customWidth="1"/>
    <col min="8968" max="8968" width="9.140625" style="283" customWidth="1"/>
    <col min="8969" max="8969" width="7.5703125" style="283" customWidth="1"/>
    <col min="8970" max="8970" width="9.140625" style="283" customWidth="1"/>
    <col min="8971" max="8972" width="7.7109375" style="283" customWidth="1"/>
    <col min="8973" max="8973" width="8" style="283" customWidth="1"/>
    <col min="8974" max="9205" width="9.140625" style="283"/>
    <col min="9206" max="9206" width="32" style="283" customWidth="1"/>
    <col min="9207" max="9207" width="9.140625" style="283"/>
    <col min="9208" max="9208" width="9.140625" style="283" customWidth="1"/>
    <col min="9209" max="9209" width="9.140625" style="283"/>
    <col min="9210" max="9210" width="9.140625" style="283" customWidth="1"/>
    <col min="9211" max="9211" width="7" style="283" customWidth="1"/>
    <col min="9212" max="9212" width="9.140625" style="283" customWidth="1"/>
    <col min="9213" max="9213" width="7.42578125" style="283" customWidth="1"/>
    <col min="9214" max="9214" width="9.140625" style="283" customWidth="1"/>
    <col min="9215" max="9215" width="7.42578125" style="283" customWidth="1"/>
    <col min="9216" max="9217" width="9.140625" style="283" customWidth="1"/>
    <col min="9218" max="9218" width="7.42578125" style="283" customWidth="1"/>
    <col min="9219" max="9219" width="9.140625" style="283" customWidth="1"/>
    <col min="9220" max="9220" width="7.85546875" style="283" customWidth="1"/>
    <col min="9221" max="9222" width="9.140625" style="283" customWidth="1"/>
    <col min="9223" max="9223" width="7.7109375" style="283" customWidth="1"/>
    <col min="9224" max="9224" width="9.140625" style="283" customWidth="1"/>
    <col min="9225" max="9225" width="7.5703125" style="283" customWidth="1"/>
    <col min="9226" max="9226" width="9.140625" style="283" customWidth="1"/>
    <col min="9227" max="9228" width="7.7109375" style="283" customWidth="1"/>
    <col min="9229" max="9229" width="8" style="283" customWidth="1"/>
    <col min="9230" max="9461" width="9.140625" style="283"/>
    <col min="9462" max="9462" width="32" style="283" customWidth="1"/>
    <col min="9463" max="9463" width="9.140625" style="283"/>
    <col min="9464" max="9464" width="9.140625" style="283" customWidth="1"/>
    <col min="9465" max="9465" width="9.140625" style="283"/>
    <col min="9466" max="9466" width="9.140625" style="283" customWidth="1"/>
    <col min="9467" max="9467" width="7" style="283" customWidth="1"/>
    <col min="9468" max="9468" width="9.140625" style="283" customWidth="1"/>
    <col min="9469" max="9469" width="7.42578125" style="283" customWidth="1"/>
    <col min="9470" max="9470" width="9.140625" style="283" customWidth="1"/>
    <col min="9471" max="9471" width="7.42578125" style="283" customWidth="1"/>
    <col min="9472" max="9473" width="9.140625" style="283" customWidth="1"/>
    <col min="9474" max="9474" width="7.42578125" style="283" customWidth="1"/>
    <col min="9475" max="9475" width="9.140625" style="283" customWidth="1"/>
    <col min="9476" max="9476" width="7.85546875" style="283" customWidth="1"/>
    <col min="9477" max="9478" width="9.140625" style="283" customWidth="1"/>
    <col min="9479" max="9479" width="7.7109375" style="283" customWidth="1"/>
    <col min="9480" max="9480" width="9.140625" style="283" customWidth="1"/>
    <col min="9481" max="9481" width="7.5703125" style="283" customWidth="1"/>
    <col min="9482" max="9482" width="9.140625" style="283" customWidth="1"/>
    <col min="9483" max="9484" width="7.7109375" style="283" customWidth="1"/>
    <col min="9485" max="9485" width="8" style="283" customWidth="1"/>
    <col min="9486" max="9717" width="9.140625" style="283"/>
    <col min="9718" max="9718" width="32" style="283" customWidth="1"/>
    <col min="9719" max="9719" width="9.140625" style="283"/>
    <col min="9720" max="9720" width="9.140625" style="283" customWidth="1"/>
    <col min="9721" max="9721" width="9.140625" style="283"/>
    <col min="9722" max="9722" width="9.140625" style="283" customWidth="1"/>
    <col min="9723" max="9723" width="7" style="283" customWidth="1"/>
    <col min="9724" max="9724" width="9.140625" style="283" customWidth="1"/>
    <col min="9725" max="9725" width="7.42578125" style="283" customWidth="1"/>
    <col min="9726" max="9726" width="9.140625" style="283" customWidth="1"/>
    <col min="9727" max="9727" width="7.42578125" style="283" customWidth="1"/>
    <col min="9728" max="9729" width="9.140625" style="283" customWidth="1"/>
    <col min="9730" max="9730" width="7.42578125" style="283" customWidth="1"/>
    <col min="9731" max="9731" width="9.140625" style="283" customWidth="1"/>
    <col min="9732" max="9732" width="7.85546875" style="283" customWidth="1"/>
    <col min="9733" max="9734" width="9.140625" style="283" customWidth="1"/>
    <col min="9735" max="9735" width="7.7109375" style="283" customWidth="1"/>
    <col min="9736" max="9736" width="9.140625" style="283" customWidth="1"/>
    <col min="9737" max="9737" width="7.5703125" style="283" customWidth="1"/>
    <col min="9738" max="9738" width="9.140625" style="283" customWidth="1"/>
    <col min="9739" max="9740" width="7.7109375" style="283" customWidth="1"/>
    <col min="9741" max="9741" width="8" style="283" customWidth="1"/>
    <col min="9742" max="9973" width="9.140625" style="283"/>
    <col min="9974" max="9974" width="32" style="283" customWidth="1"/>
    <col min="9975" max="9975" width="9.140625" style="283"/>
    <col min="9976" max="9976" width="9.140625" style="283" customWidth="1"/>
    <col min="9977" max="9977" width="9.140625" style="283"/>
    <col min="9978" max="9978" width="9.140625" style="283" customWidth="1"/>
    <col min="9979" max="9979" width="7" style="283" customWidth="1"/>
    <col min="9980" max="9980" width="9.140625" style="283" customWidth="1"/>
    <col min="9981" max="9981" width="7.42578125" style="283" customWidth="1"/>
    <col min="9982" max="9982" width="9.140625" style="283" customWidth="1"/>
    <col min="9983" max="9983" width="7.42578125" style="283" customWidth="1"/>
    <col min="9984" max="9985" width="9.140625" style="283" customWidth="1"/>
    <col min="9986" max="9986" width="7.42578125" style="283" customWidth="1"/>
    <col min="9987" max="9987" width="9.140625" style="283" customWidth="1"/>
    <col min="9988" max="9988" width="7.85546875" style="283" customWidth="1"/>
    <col min="9989" max="9990" width="9.140625" style="283" customWidth="1"/>
    <col min="9991" max="9991" width="7.7109375" style="283" customWidth="1"/>
    <col min="9992" max="9992" width="9.140625" style="283" customWidth="1"/>
    <col min="9993" max="9993" width="7.5703125" style="283" customWidth="1"/>
    <col min="9994" max="9994" width="9.140625" style="283" customWidth="1"/>
    <col min="9995" max="9996" width="7.7109375" style="283" customWidth="1"/>
    <col min="9997" max="9997" width="8" style="283" customWidth="1"/>
    <col min="9998" max="10229" width="9.140625" style="283"/>
    <col min="10230" max="10230" width="32" style="283" customWidth="1"/>
    <col min="10231" max="10231" width="9.140625" style="283"/>
    <col min="10232" max="10232" width="9.140625" style="283" customWidth="1"/>
    <col min="10233" max="10233" width="9.140625" style="283"/>
    <col min="10234" max="10234" width="9.140625" style="283" customWidth="1"/>
    <col min="10235" max="10235" width="7" style="283" customWidth="1"/>
    <col min="10236" max="10236" width="9.140625" style="283" customWidth="1"/>
    <col min="10237" max="10237" width="7.42578125" style="283" customWidth="1"/>
    <col min="10238" max="10238" width="9.140625" style="283" customWidth="1"/>
    <col min="10239" max="10239" width="7.42578125" style="283" customWidth="1"/>
    <col min="10240" max="10241" width="9.140625" style="283" customWidth="1"/>
    <col min="10242" max="10242" width="7.42578125" style="283" customWidth="1"/>
    <col min="10243" max="10243" width="9.140625" style="283" customWidth="1"/>
    <col min="10244" max="10244" width="7.85546875" style="283" customWidth="1"/>
    <col min="10245" max="10246" width="9.140625" style="283" customWidth="1"/>
    <col min="10247" max="10247" width="7.7109375" style="283" customWidth="1"/>
    <col min="10248" max="10248" width="9.140625" style="283" customWidth="1"/>
    <col min="10249" max="10249" width="7.5703125" style="283" customWidth="1"/>
    <col min="10250" max="10250" width="9.140625" style="283" customWidth="1"/>
    <col min="10251" max="10252" width="7.7109375" style="283" customWidth="1"/>
    <col min="10253" max="10253" width="8" style="283" customWidth="1"/>
    <col min="10254" max="10485" width="9.140625" style="283"/>
    <col min="10486" max="10486" width="32" style="283" customWidth="1"/>
    <col min="10487" max="10487" width="9.140625" style="283"/>
    <col min="10488" max="10488" width="9.140625" style="283" customWidth="1"/>
    <col min="10489" max="10489" width="9.140625" style="283"/>
    <col min="10490" max="10490" width="9.140625" style="283" customWidth="1"/>
    <col min="10491" max="10491" width="7" style="283" customWidth="1"/>
    <col min="10492" max="10492" width="9.140625" style="283" customWidth="1"/>
    <col min="10493" max="10493" width="7.42578125" style="283" customWidth="1"/>
    <col min="10494" max="10494" width="9.140625" style="283" customWidth="1"/>
    <col min="10495" max="10495" width="7.42578125" style="283" customWidth="1"/>
    <col min="10496" max="10497" width="9.140625" style="283" customWidth="1"/>
    <col min="10498" max="10498" width="7.42578125" style="283" customWidth="1"/>
    <col min="10499" max="10499" width="9.140625" style="283" customWidth="1"/>
    <col min="10500" max="10500" width="7.85546875" style="283" customWidth="1"/>
    <col min="10501" max="10502" width="9.140625" style="283" customWidth="1"/>
    <col min="10503" max="10503" width="7.7109375" style="283" customWidth="1"/>
    <col min="10504" max="10504" width="9.140625" style="283" customWidth="1"/>
    <col min="10505" max="10505" width="7.5703125" style="283" customWidth="1"/>
    <col min="10506" max="10506" width="9.140625" style="283" customWidth="1"/>
    <col min="10507" max="10508" width="7.7109375" style="283" customWidth="1"/>
    <col min="10509" max="10509" width="8" style="283" customWidth="1"/>
    <col min="10510" max="10741" width="9.140625" style="283"/>
    <col min="10742" max="10742" width="32" style="283" customWidth="1"/>
    <col min="10743" max="10743" width="9.140625" style="283"/>
    <col min="10744" max="10744" width="9.140625" style="283" customWidth="1"/>
    <col min="10745" max="10745" width="9.140625" style="283"/>
    <col min="10746" max="10746" width="9.140625" style="283" customWidth="1"/>
    <col min="10747" max="10747" width="7" style="283" customWidth="1"/>
    <col min="10748" max="10748" width="9.140625" style="283" customWidth="1"/>
    <col min="10749" max="10749" width="7.42578125" style="283" customWidth="1"/>
    <col min="10750" max="10750" width="9.140625" style="283" customWidth="1"/>
    <col min="10751" max="10751" width="7.42578125" style="283" customWidth="1"/>
    <col min="10752" max="10753" width="9.140625" style="283" customWidth="1"/>
    <col min="10754" max="10754" width="7.42578125" style="283" customWidth="1"/>
    <col min="10755" max="10755" width="9.140625" style="283" customWidth="1"/>
    <col min="10756" max="10756" width="7.85546875" style="283" customWidth="1"/>
    <col min="10757" max="10758" width="9.140625" style="283" customWidth="1"/>
    <col min="10759" max="10759" width="7.7109375" style="283" customWidth="1"/>
    <col min="10760" max="10760" width="9.140625" style="283" customWidth="1"/>
    <col min="10761" max="10761" width="7.5703125" style="283" customWidth="1"/>
    <col min="10762" max="10762" width="9.140625" style="283" customWidth="1"/>
    <col min="10763" max="10764" width="7.7109375" style="283" customWidth="1"/>
    <col min="10765" max="10765" width="8" style="283" customWidth="1"/>
    <col min="10766" max="10997" width="9.140625" style="283"/>
    <col min="10998" max="10998" width="32" style="283" customWidth="1"/>
    <col min="10999" max="10999" width="9.140625" style="283"/>
    <col min="11000" max="11000" width="9.140625" style="283" customWidth="1"/>
    <col min="11001" max="11001" width="9.140625" style="283"/>
    <col min="11002" max="11002" width="9.140625" style="283" customWidth="1"/>
    <col min="11003" max="11003" width="7" style="283" customWidth="1"/>
    <col min="11004" max="11004" width="9.140625" style="283" customWidth="1"/>
    <col min="11005" max="11005" width="7.42578125" style="283" customWidth="1"/>
    <col min="11006" max="11006" width="9.140625" style="283" customWidth="1"/>
    <col min="11007" max="11007" width="7.42578125" style="283" customWidth="1"/>
    <col min="11008" max="11009" width="9.140625" style="283" customWidth="1"/>
    <col min="11010" max="11010" width="7.42578125" style="283" customWidth="1"/>
    <col min="11011" max="11011" width="9.140625" style="283" customWidth="1"/>
    <col min="11012" max="11012" width="7.85546875" style="283" customWidth="1"/>
    <col min="11013" max="11014" width="9.140625" style="283" customWidth="1"/>
    <col min="11015" max="11015" width="7.7109375" style="283" customWidth="1"/>
    <col min="11016" max="11016" width="9.140625" style="283" customWidth="1"/>
    <col min="11017" max="11017" width="7.5703125" style="283" customWidth="1"/>
    <col min="11018" max="11018" width="9.140625" style="283" customWidth="1"/>
    <col min="11019" max="11020" width="7.7109375" style="283" customWidth="1"/>
    <col min="11021" max="11021" width="8" style="283" customWidth="1"/>
    <col min="11022" max="11253" width="9.140625" style="283"/>
    <col min="11254" max="11254" width="32" style="283" customWidth="1"/>
    <col min="11255" max="11255" width="9.140625" style="283"/>
    <col min="11256" max="11256" width="9.140625" style="283" customWidth="1"/>
    <col min="11257" max="11257" width="9.140625" style="283"/>
    <col min="11258" max="11258" width="9.140625" style="283" customWidth="1"/>
    <col min="11259" max="11259" width="7" style="283" customWidth="1"/>
    <col min="11260" max="11260" width="9.140625" style="283" customWidth="1"/>
    <col min="11261" max="11261" width="7.42578125" style="283" customWidth="1"/>
    <col min="11262" max="11262" width="9.140625" style="283" customWidth="1"/>
    <col min="11263" max="11263" width="7.42578125" style="283" customWidth="1"/>
    <col min="11264" max="11265" width="9.140625" style="283" customWidth="1"/>
    <col min="11266" max="11266" width="7.42578125" style="283" customWidth="1"/>
    <col min="11267" max="11267" width="9.140625" style="283" customWidth="1"/>
    <col min="11268" max="11268" width="7.85546875" style="283" customWidth="1"/>
    <col min="11269" max="11270" width="9.140625" style="283" customWidth="1"/>
    <col min="11271" max="11271" width="7.7109375" style="283" customWidth="1"/>
    <col min="11272" max="11272" width="9.140625" style="283" customWidth="1"/>
    <col min="11273" max="11273" width="7.5703125" style="283" customWidth="1"/>
    <col min="11274" max="11274" width="9.140625" style="283" customWidth="1"/>
    <col min="11275" max="11276" width="7.7109375" style="283" customWidth="1"/>
    <col min="11277" max="11277" width="8" style="283" customWidth="1"/>
    <col min="11278" max="11509" width="9.140625" style="283"/>
    <col min="11510" max="11510" width="32" style="283" customWidth="1"/>
    <col min="11511" max="11511" width="9.140625" style="283"/>
    <col min="11512" max="11512" width="9.140625" style="283" customWidth="1"/>
    <col min="11513" max="11513" width="9.140625" style="283"/>
    <col min="11514" max="11514" width="9.140625" style="283" customWidth="1"/>
    <col min="11515" max="11515" width="7" style="283" customWidth="1"/>
    <col min="11516" max="11516" width="9.140625" style="283" customWidth="1"/>
    <col min="11517" max="11517" width="7.42578125" style="283" customWidth="1"/>
    <col min="11518" max="11518" width="9.140625" style="283" customWidth="1"/>
    <col min="11519" max="11519" width="7.42578125" style="283" customWidth="1"/>
    <col min="11520" max="11521" width="9.140625" style="283" customWidth="1"/>
    <col min="11522" max="11522" width="7.42578125" style="283" customWidth="1"/>
    <col min="11523" max="11523" width="9.140625" style="283" customWidth="1"/>
    <col min="11524" max="11524" width="7.85546875" style="283" customWidth="1"/>
    <col min="11525" max="11526" width="9.140625" style="283" customWidth="1"/>
    <col min="11527" max="11527" width="7.7109375" style="283" customWidth="1"/>
    <col min="11528" max="11528" width="9.140625" style="283" customWidth="1"/>
    <col min="11529" max="11529" width="7.5703125" style="283" customWidth="1"/>
    <col min="11530" max="11530" width="9.140625" style="283" customWidth="1"/>
    <col min="11531" max="11532" width="7.7109375" style="283" customWidth="1"/>
    <col min="11533" max="11533" width="8" style="283" customWidth="1"/>
    <col min="11534" max="11765" width="9.140625" style="283"/>
    <col min="11766" max="11766" width="32" style="283" customWidth="1"/>
    <col min="11767" max="11767" width="9.140625" style="283"/>
    <col min="11768" max="11768" width="9.140625" style="283" customWidth="1"/>
    <col min="11769" max="11769" width="9.140625" style="283"/>
    <col min="11770" max="11770" width="9.140625" style="283" customWidth="1"/>
    <col min="11771" max="11771" width="7" style="283" customWidth="1"/>
    <col min="11772" max="11772" width="9.140625" style="283" customWidth="1"/>
    <col min="11773" max="11773" width="7.42578125" style="283" customWidth="1"/>
    <col min="11774" max="11774" width="9.140625" style="283" customWidth="1"/>
    <col min="11775" max="11775" width="7.42578125" style="283" customWidth="1"/>
    <col min="11776" max="11777" width="9.140625" style="283" customWidth="1"/>
    <col min="11778" max="11778" width="7.42578125" style="283" customWidth="1"/>
    <col min="11779" max="11779" width="9.140625" style="283" customWidth="1"/>
    <col min="11780" max="11780" width="7.85546875" style="283" customWidth="1"/>
    <col min="11781" max="11782" width="9.140625" style="283" customWidth="1"/>
    <col min="11783" max="11783" width="7.7109375" style="283" customWidth="1"/>
    <col min="11784" max="11784" width="9.140625" style="283" customWidth="1"/>
    <col min="11785" max="11785" width="7.5703125" style="283" customWidth="1"/>
    <col min="11786" max="11786" width="9.140625" style="283" customWidth="1"/>
    <col min="11787" max="11788" width="7.7109375" style="283" customWidth="1"/>
    <col min="11789" max="11789" width="8" style="283" customWidth="1"/>
    <col min="11790" max="12021" width="9.140625" style="283"/>
    <col min="12022" max="12022" width="32" style="283" customWidth="1"/>
    <col min="12023" max="12023" width="9.140625" style="283"/>
    <col min="12024" max="12024" width="9.140625" style="283" customWidth="1"/>
    <col min="12025" max="12025" width="9.140625" style="283"/>
    <col min="12026" max="12026" width="9.140625" style="283" customWidth="1"/>
    <col min="12027" max="12027" width="7" style="283" customWidth="1"/>
    <col min="12028" max="12028" width="9.140625" style="283" customWidth="1"/>
    <col min="12029" max="12029" width="7.42578125" style="283" customWidth="1"/>
    <col min="12030" max="12030" width="9.140625" style="283" customWidth="1"/>
    <col min="12031" max="12031" width="7.42578125" style="283" customWidth="1"/>
    <col min="12032" max="12033" width="9.140625" style="283" customWidth="1"/>
    <col min="12034" max="12034" width="7.42578125" style="283" customWidth="1"/>
    <col min="12035" max="12035" width="9.140625" style="283" customWidth="1"/>
    <col min="12036" max="12036" width="7.85546875" style="283" customWidth="1"/>
    <col min="12037" max="12038" width="9.140625" style="283" customWidth="1"/>
    <col min="12039" max="12039" width="7.7109375" style="283" customWidth="1"/>
    <col min="12040" max="12040" width="9.140625" style="283" customWidth="1"/>
    <col min="12041" max="12041" width="7.5703125" style="283" customWidth="1"/>
    <col min="12042" max="12042" width="9.140625" style="283" customWidth="1"/>
    <col min="12043" max="12044" width="7.7109375" style="283" customWidth="1"/>
    <col min="12045" max="12045" width="8" style="283" customWidth="1"/>
    <col min="12046" max="12277" width="9.140625" style="283"/>
    <col min="12278" max="12278" width="32" style="283" customWidth="1"/>
    <col min="12279" max="12279" width="9.140625" style="283"/>
    <col min="12280" max="12280" width="9.140625" style="283" customWidth="1"/>
    <col min="12281" max="12281" width="9.140625" style="283"/>
    <col min="12282" max="12282" width="9.140625" style="283" customWidth="1"/>
    <col min="12283" max="12283" width="7" style="283" customWidth="1"/>
    <col min="12284" max="12284" width="9.140625" style="283" customWidth="1"/>
    <col min="12285" max="12285" width="7.42578125" style="283" customWidth="1"/>
    <col min="12286" max="12286" width="9.140625" style="283" customWidth="1"/>
    <col min="12287" max="12287" width="7.42578125" style="283" customWidth="1"/>
    <col min="12288" max="12289" width="9.140625" style="283" customWidth="1"/>
    <col min="12290" max="12290" width="7.42578125" style="283" customWidth="1"/>
    <col min="12291" max="12291" width="9.140625" style="283" customWidth="1"/>
    <col min="12292" max="12292" width="7.85546875" style="283" customWidth="1"/>
    <col min="12293" max="12294" width="9.140625" style="283" customWidth="1"/>
    <col min="12295" max="12295" width="7.7109375" style="283" customWidth="1"/>
    <col min="12296" max="12296" width="9.140625" style="283" customWidth="1"/>
    <col min="12297" max="12297" width="7.5703125" style="283" customWidth="1"/>
    <col min="12298" max="12298" width="9.140625" style="283" customWidth="1"/>
    <col min="12299" max="12300" width="7.7109375" style="283" customWidth="1"/>
    <col min="12301" max="12301" width="8" style="283" customWidth="1"/>
    <col min="12302" max="12533" width="9.140625" style="283"/>
    <col min="12534" max="12534" width="32" style="283" customWidth="1"/>
    <col min="12535" max="12535" width="9.140625" style="283"/>
    <col min="12536" max="12536" width="9.140625" style="283" customWidth="1"/>
    <col min="12537" max="12537" width="9.140625" style="283"/>
    <col min="12538" max="12538" width="9.140625" style="283" customWidth="1"/>
    <col min="12539" max="12539" width="7" style="283" customWidth="1"/>
    <col min="12540" max="12540" width="9.140625" style="283" customWidth="1"/>
    <col min="12541" max="12541" width="7.42578125" style="283" customWidth="1"/>
    <col min="12542" max="12542" width="9.140625" style="283" customWidth="1"/>
    <col min="12543" max="12543" width="7.42578125" style="283" customWidth="1"/>
    <col min="12544" max="12545" width="9.140625" style="283" customWidth="1"/>
    <col min="12546" max="12546" width="7.42578125" style="283" customWidth="1"/>
    <col min="12547" max="12547" width="9.140625" style="283" customWidth="1"/>
    <col min="12548" max="12548" width="7.85546875" style="283" customWidth="1"/>
    <col min="12549" max="12550" width="9.140625" style="283" customWidth="1"/>
    <col min="12551" max="12551" width="7.7109375" style="283" customWidth="1"/>
    <col min="12552" max="12552" width="9.140625" style="283" customWidth="1"/>
    <col min="12553" max="12553" width="7.5703125" style="283" customWidth="1"/>
    <col min="12554" max="12554" width="9.140625" style="283" customWidth="1"/>
    <col min="12555" max="12556" width="7.7109375" style="283" customWidth="1"/>
    <col min="12557" max="12557" width="8" style="283" customWidth="1"/>
    <col min="12558" max="12789" width="9.140625" style="283"/>
    <col min="12790" max="12790" width="32" style="283" customWidth="1"/>
    <col min="12791" max="12791" width="9.140625" style="283"/>
    <col min="12792" max="12792" width="9.140625" style="283" customWidth="1"/>
    <col min="12793" max="12793" width="9.140625" style="283"/>
    <col min="12794" max="12794" width="9.140625" style="283" customWidth="1"/>
    <col min="12795" max="12795" width="7" style="283" customWidth="1"/>
    <col min="12796" max="12796" width="9.140625" style="283" customWidth="1"/>
    <col min="12797" max="12797" width="7.42578125" style="283" customWidth="1"/>
    <col min="12798" max="12798" width="9.140625" style="283" customWidth="1"/>
    <col min="12799" max="12799" width="7.42578125" style="283" customWidth="1"/>
    <col min="12800" max="12801" width="9.140625" style="283" customWidth="1"/>
    <col min="12802" max="12802" width="7.42578125" style="283" customWidth="1"/>
    <col min="12803" max="12803" width="9.140625" style="283" customWidth="1"/>
    <col min="12804" max="12804" width="7.85546875" style="283" customWidth="1"/>
    <col min="12805" max="12806" width="9.140625" style="283" customWidth="1"/>
    <col min="12807" max="12807" width="7.7109375" style="283" customWidth="1"/>
    <col min="12808" max="12808" width="9.140625" style="283" customWidth="1"/>
    <col min="12809" max="12809" width="7.5703125" style="283" customWidth="1"/>
    <col min="12810" max="12810" width="9.140625" style="283" customWidth="1"/>
    <col min="12811" max="12812" width="7.7109375" style="283" customWidth="1"/>
    <col min="12813" max="12813" width="8" style="283" customWidth="1"/>
    <col min="12814" max="13045" width="9.140625" style="283"/>
    <col min="13046" max="13046" width="32" style="283" customWidth="1"/>
    <col min="13047" max="13047" width="9.140625" style="283"/>
    <col min="13048" max="13048" width="9.140625" style="283" customWidth="1"/>
    <col min="13049" max="13049" width="9.140625" style="283"/>
    <col min="13050" max="13050" width="9.140625" style="283" customWidth="1"/>
    <col min="13051" max="13051" width="7" style="283" customWidth="1"/>
    <col min="13052" max="13052" width="9.140625" style="283" customWidth="1"/>
    <col min="13053" max="13053" width="7.42578125" style="283" customWidth="1"/>
    <col min="13054" max="13054" width="9.140625" style="283" customWidth="1"/>
    <col min="13055" max="13055" width="7.42578125" style="283" customWidth="1"/>
    <col min="13056" max="13057" width="9.140625" style="283" customWidth="1"/>
    <col min="13058" max="13058" width="7.42578125" style="283" customWidth="1"/>
    <col min="13059" max="13059" width="9.140625" style="283" customWidth="1"/>
    <col min="13060" max="13060" width="7.85546875" style="283" customWidth="1"/>
    <col min="13061" max="13062" width="9.140625" style="283" customWidth="1"/>
    <col min="13063" max="13063" width="7.7109375" style="283" customWidth="1"/>
    <col min="13064" max="13064" width="9.140625" style="283" customWidth="1"/>
    <col min="13065" max="13065" width="7.5703125" style="283" customWidth="1"/>
    <col min="13066" max="13066" width="9.140625" style="283" customWidth="1"/>
    <col min="13067" max="13068" width="7.7109375" style="283" customWidth="1"/>
    <col min="13069" max="13069" width="8" style="283" customWidth="1"/>
    <col min="13070" max="13301" width="9.140625" style="283"/>
    <col min="13302" max="13302" width="32" style="283" customWidth="1"/>
    <col min="13303" max="13303" width="9.140625" style="283"/>
    <col min="13304" max="13304" width="9.140625" style="283" customWidth="1"/>
    <col min="13305" max="13305" width="9.140625" style="283"/>
    <col min="13306" max="13306" width="9.140625" style="283" customWidth="1"/>
    <col min="13307" max="13307" width="7" style="283" customWidth="1"/>
    <col min="13308" max="13308" width="9.140625" style="283" customWidth="1"/>
    <col min="13309" max="13309" width="7.42578125" style="283" customWidth="1"/>
    <col min="13310" max="13310" width="9.140625" style="283" customWidth="1"/>
    <col min="13311" max="13311" width="7.42578125" style="283" customWidth="1"/>
    <col min="13312" max="13313" width="9.140625" style="283" customWidth="1"/>
    <col min="13314" max="13314" width="7.42578125" style="283" customWidth="1"/>
    <col min="13315" max="13315" width="9.140625" style="283" customWidth="1"/>
    <col min="13316" max="13316" width="7.85546875" style="283" customWidth="1"/>
    <col min="13317" max="13318" width="9.140625" style="283" customWidth="1"/>
    <col min="13319" max="13319" width="7.7109375" style="283" customWidth="1"/>
    <col min="13320" max="13320" width="9.140625" style="283" customWidth="1"/>
    <col min="13321" max="13321" width="7.5703125" style="283" customWidth="1"/>
    <col min="13322" max="13322" width="9.140625" style="283" customWidth="1"/>
    <col min="13323" max="13324" width="7.7109375" style="283" customWidth="1"/>
    <col min="13325" max="13325" width="8" style="283" customWidth="1"/>
    <col min="13326" max="13557" width="9.140625" style="283"/>
    <col min="13558" max="13558" width="32" style="283" customWidth="1"/>
    <col min="13559" max="13559" width="9.140625" style="283"/>
    <col min="13560" max="13560" width="9.140625" style="283" customWidth="1"/>
    <col min="13561" max="13561" width="9.140625" style="283"/>
    <col min="13562" max="13562" width="9.140625" style="283" customWidth="1"/>
    <col min="13563" max="13563" width="7" style="283" customWidth="1"/>
    <col min="13564" max="13564" width="9.140625" style="283" customWidth="1"/>
    <col min="13565" max="13565" width="7.42578125" style="283" customWidth="1"/>
    <col min="13566" max="13566" width="9.140625" style="283" customWidth="1"/>
    <col min="13567" max="13567" width="7.42578125" style="283" customWidth="1"/>
    <col min="13568" max="13569" width="9.140625" style="283" customWidth="1"/>
    <col min="13570" max="13570" width="7.42578125" style="283" customWidth="1"/>
    <col min="13571" max="13571" width="9.140625" style="283" customWidth="1"/>
    <col min="13572" max="13572" width="7.85546875" style="283" customWidth="1"/>
    <col min="13573" max="13574" width="9.140625" style="283" customWidth="1"/>
    <col min="13575" max="13575" width="7.7109375" style="283" customWidth="1"/>
    <col min="13576" max="13576" width="9.140625" style="283" customWidth="1"/>
    <col min="13577" max="13577" width="7.5703125" style="283" customWidth="1"/>
    <col min="13578" max="13578" width="9.140625" style="283" customWidth="1"/>
    <col min="13579" max="13580" width="7.7109375" style="283" customWidth="1"/>
    <col min="13581" max="13581" width="8" style="283" customWidth="1"/>
    <col min="13582" max="13813" width="9.140625" style="283"/>
    <col min="13814" max="13814" width="32" style="283" customWidth="1"/>
    <col min="13815" max="13815" width="9.140625" style="283"/>
    <col min="13816" max="13816" width="9.140625" style="283" customWidth="1"/>
    <col min="13817" max="13817" width="9.140625" style="283"/>
    <col min="13818" max="13818" width="9.140625" style="283" customWidth="1"/>
    <col min="13819" max="13819" width="7" style="283" customWidth="1"/>
    <col min="13820" max="13820" width="9.140625" style="283" customWidth="1"/>
    <col min="13821" max="13821" width="7.42578125" style="283" customWidth="1"/>
    <col min="13822" max="13822" width="9.140625" style="283" customWidth="1"/>
    <col min="13823" max="13823" width="7.42578125" style="283" customWidth="1"/>
    <col min="13824" max="13825" width="9.140625" style="283" customWidth="1"/>
    <col min="13826" max="13826" width="7.42578125" style="283" customWidth="1"/>
    <col min="13827" max="13827" width="9.140625" style="283" customWidth="1"/>
    <col min="13828" max="13828" width="7.85546875" style="283" customWidth="1"/>
    <col min="13829" max="13830" width="9.140625" style="283" customWidth="1"/>
    <col min="13831" max="13831" width="7.7109375" style="283" customWidth="1"/>
    <col min="13832" max="13832" width="9.140625" style="283" customWidth="1"/>
    <col min="13833" max="13833" width="7.5703125" style="283" customWidth="1"/>
    <col min="13834" max="13834" width="9.140625" style="283" customWidth="1"/>
    <col min="13835" max="13836" width="7.7109375" style="283" customWidth="1"/>
    <col min="13837" max="13837" width="8" style="283" customWidth="1"/>
    <col min="13838" max="14069" width="9.140625" style="283"/>
    <col min="14070" max="14070" width="32" style="283" customWidth="1"/>
    <col min="14071" max="14071" width="9.140625" style="283"/>
    <col min="14072" max="14072" width="9.140625" style="283" customWidth="1"/>
    <col min="14073" max="14073" width="9.140625" style="283"/>
    <col min="14074" max="14074" width="9.140625" style="283" customWidth="1"/>
    <col min="14075" max="14075" width="7" style="283" customWidth="1"/>
    <col min="14076" max="14076" width="9.140625" style="283" customWidth="1"/>
    <col min="14077" max="14077" width="7.42578125" style="283" customWidth="1"/>
    <col min="14078" max="14078" width="9.140625" style="283" customWidth="1"/>
    <col min="14079" max="14079" width="7.42578125" style="283" customWidth="1"/>
    <col min="14080" max="14081" width="9.140625" style="283" customWidth="1"/>
    <col min="14082" max="14082" width="7.42578125" style="283" customWidth="1"/>
    <col min="14083" max="14083" width="9.140625" style="283" customWidth="1"/>
    <col min="14084" max="14084" width="7.85546875" style="283" customWidth="1"/>
    <col min="14085" max="14086" width="9.140625" style="283" customWidth="1"/>
    <col min="14087" max="14087" width="7.7109375" style="283" customWidth="1"/>
    <col min="14088" max="14088" width="9.140625" style="283" customWidth="1"/>
    <col min="14089" max="14089" width="7.5703125" style="283" customWidth="1"/>
    <col min="14090" max="14090" width="9.140625" style="283" customWidth="1"/>
    <col min="14091" max="14092" width="7.7109375" style="283" customWidth="1"/>
    <col min="14093" max="14093" width="8" style="283" customWidth="1"/>
    <col min="14094" max="14325" width="9.140625" style="283"/>
    <col min="14326" max="14326" width="32" style="283" customWidth="1"/>
    <col min="14327" max="14327" width="9.140625" style="283"/>
    <col min="14328" max="14328" width="9.140625" style="283" customWidth="1"/>
    <col min="14329" max="14329" width="9.140625" style="283"/>
    <col min="14330" max="14330" width="9.140625" style="283" customWidth="1"/>
    <col min="14331" max="14331" width="7" style="283" customWidth="1"/>
    <col min="14332" max="14332" width="9.140625" style="283" customWidth="1"/>
    <col min="14333" max="14333" width="7.42578125" style="283" customWidth="1"/>
    <col min="14334" max="14334" width="9.140625" style="283" customWidth="1"/>
    <col min="14335" max="14335" width="7.42578125" style="283" customWidth="1"/>
    <col min="14336" max="14337" width="9.140625" style="283" customWidth="1"/>
    <col min="14338" max="14338" width="7.42578125" style="283" customWidth="1"/>
    <col min="14339" max="14339" width="9.140625" style="283" customWidth="1"/>
    <col min="14340" max="14340" width="7.85546875" style="283" customWidth="1"/>
    <col min="14341" max="14342" width="9.140625" style="283" customWidth="1"/>
    <col min="14343" max="14343" width="7.7109375" style="283" customWidth="1"/>
    <col min="14344" max="14344" width="9.140625" style="283" customWidth="1"/>
    <col min="14345" max="14345" width="7.5703125" style="283" customWidth="1"/>
    <col min="14346" max="14346" width="9.140625" style="283" customWidth="1"/>
    <col min="14347" max="14348" width="7.7109375" style="283" customWidth="1"/>
    <col min="14349" max="14349" width="8" style="283" customWidth="1"/>
    <col min="14350" max="14581" width="9.140625" style="283"/>
    <col min="14582" max="14582" width="32" style="283" customWidth="1"/>
    <col min="14583" max="14583" width="9.140625" style="283"/>
    <col min="14584" max="14584" width="9.140625" style="283" customWidth="1"/>
    <col min="14585" max="14585" width="9.140625" style="283"/>
    <col min="14586" max="14586" width="9.140625" style="283" customWidth="1"/>
    <col min="14587" max="14587" width="7" style="283" customWidth="1"/>
    <col min="14588" max="14588" width="9.140625" style="283" customWidth="1"/>
    <col min="14589" max="14589" width="7.42578125" style="283" customWidth="1"/>
    <col min="14590" max="14590" width="9.140625" style="283" customWidth="1"/>
    <col min="14591" max="14591" width="7.42578125" style="283" customWidth="1"/>
    <col min="14592" max="14593" width="9.140625" style="283" customWidth="1"/>
    <col min="14594" max="14594" width="7.42578125" style="283" customWidth="1"/>
    <col min="14595" max="14595" width="9.140625" style="283" customWidth="1"/>
    <col min="14596" max="14596" width="7.85546875" style="283" customWidth="1"/>
    <col min="14597" max="14598" width="9.140625" style="283" customWidth="1"/>
    <col min="14599" max="14599" width="7.7109375" style="283" customWidth="1"/>
    <col min="14600" max="14600" width="9.140625" style="283" customWidth="1"/>
    <col min="14601" max="14601" width="7.5703125" style="283" customWidth="1"/>
    <col min="14602" max="14602" width="9.140625" style="283" customWidth="1"/>
    <col min="14603" max="14604" width="7.7109375" style="283" customWidth="1"/>
    <col min="14605" max="14605" width="8" style="283" customWidth="1"/>
    <col min="14606" max="14837" width="9.140625" style="283"/>
    <col min="14838" max="14838" width="32" style="283" customWidth="1"/>
    <col min="14839" max="14839" width="9.140625" style="283"/>
    <col min="14840" max="14840" width="9.140625" style="283" customWidth="1"/>
    <col min="14841" max="14841" width="9.140625" style="283"/>
    <col min="14842" max="14842" width="9.140625" style="283" customWidth="1"/>
    <col min="14843" max="14843" width="7" style="283" customWidth="1"/>
    <col min="14844" max="14844" width="9.140625" style="283" customWidth="1"/>
    <col min="14845" max="14845" width="7.42578125" style="283" customWidth="1"/>
    <col min="14846" max="14846" width="9.140625" style="283" customWidth="1"/>
    <col min="14847" max="14847" width="7.42578125" style="283" customWidth="1"/>
    <col min="14848" max="14849" width="9.140625" style="283" customWidth="1"/>
    <col min="14850" max="14850" width="7.42578125" style="283" customWidth="1"/>
    <col min="14851" max="14851" width="9.140625" style="283" customWidth="1"/>
    <col min="14852" max="14852" width="7.85546875" style="283" customWidth="1"/>
    <col min="14853" max="14854" width="9.140625" style="283" customWidth="1"/>
    <col min="14855" max="14855" width="7.7109375" style="283" customWidth="1"/>
    <col min="14856" max="14856" width="9.140625" style="283" customWidth="1"/>
    <col min="14857" max="14857" width="7.5703125" style="283" customWidth="1"/>
    <col min="14858" max="14858" width="9.140625" style="283" customWidth="1"/>
    <col min="14859" max="14860" width="7.7109375" style="283" customWidth="1"/>
    <col min="14861" max="14861" width="8" style="283" customWidth="1"/>
    <col min="14862" max="15093" width="9.140625" style="283"/>
    <col min="15094" max="15094" width="32" style="283" customWidth="1"/>
    <col min="15095" max="15095" width="9.140625" style="283"/>
    <col min="15096" max="15096" width="9.140625" style="283" customWidth="1"/>
    <col min="15097" max="15097" width="9.140625" style="283"/>
    <col min="15098" max="15098" width="9.140625" style="283" customWidth="1"/>
    <col min="15099" max="15099" width="7" style="283" customWidth="1"/>
    <col min="15100" max="15100" width="9.140625" style="283" customWidth="1"/>
    <col min="15101" max="15101" width="7.42578125" style="283" customWidth="1"/>
    <col min="15102" max="15102" width="9.140625" style="283" customWidth="1"/>
    <col min="15103" max="15103" width="7.42578125" style="283" customWidth="1"/>
    <col min="15104" max="15105" width="9.140625" style="283" customWidth="1"/>
    <col min="15106" max="15106" width="7.42578125" style="283" customWidth="1"/>
    <col min="15107" max="15107" width="9.140625" style="283" customWidth="1"/>
    <col min="15108" max="15108" width="7.85546875" style="283" customWidth="1"/>
    <col min="15109" max="15110" width="9.140625" style="283" customWidth="1"/>
    <col min="15111" max="15111" width="7.7109375" style="283" customWidth="1"/>
    <col min="15112" max="15112" width="9.140625" style="283" customWidth="1"/>
    <col min="15113" max="15113" width="7.5703125" style="283" customWidth="1"/>
    <col min="15114" max="15114" width="9.140625" style="283" customWidth="1"/>
    <col min="15115" max="15116" width="7.7109375" style="283" customWidth="1"/>
    <col min="15117" max="15117" width="8" style="283" customWidth="1"/>
    <col min="15118" max="15349" width="9.140625" style="283"/>
    <col min="15350" max="15350" width="32" style="283" customWidth="1"/>
    <col min="15351" max="15351" width="9.140625" style="283"/>
    <col min="15352" max="15352" width="9.140625" style="283" customWidth="1"/>
    <col min="15353" max="15353" width="9.140625" style="283"/>
    <col min="15354" max="15354" width="9.140625" style="283" customWidth="1"/>
    <col min="15355" max="15355" width="7" style="283" customWidth="1"/>
    <col min="15356" max="15356" width="9.140625" style="283" customWidth="1"/>
    <col min="15357" max="15357" width="7.42578125" style="283" customWidth="1"/>
    <col min="15358" max="15358" width="9.140625" style="283" customWidth="1"/>
    <col min="15359" max="15359" width="7.42578125" style="283" customWidth="1"/>
    <col min="15360" max="15361" width="9.140625" style="283" customWidth="1"/>
    <col min="15362" max="15362" width="7.42578125" style="283" customWidth="1"/>
    <col min="15363" max="15363" width="9.140625" style="283" customWidth="1"/>
    <col min="15364" max="15364" width="7.85546875" style="283" customWidth="1"/>
    <col min="15365" max="15366" width="9.140625" style="283" customWidth="1"/>
    <col min="15367" max="15367" width="7.7109375" style="283" customWidth="1"/>
    <col min="15368" max="15368" width="9.140625" style="283" customWidth="1"/>
    <col min="15369" max="15369" width="7.5703125" style="283" customWidth="1"/>
    <col min="15370" max="15370" width="9.140625" style="283" customWidth="1"/>
    <col min="15371" max="15372" width="7.7109375" style="283" customWidth="1"/>
    <col min="15373" max="15373" width="8" style="283" customWidth="1"/>
    <col min="15374" max="15605" width="9.140625" style="283"/>
    <col min="15606" max="15606" width="32" style="283" customWidth="1"/>
    <col min="15607" max="15607" width="9.140625" style="283"/>
    <col min="15608" max="15608" width="9.140625" style="283" customWidth="1"/>
    <col min="15609" max="15609" width="9.140625" style="283"/>
    <col min="15610" max="15610" width="9.140625" style="283" customWidth="1"/>
    <col min="15611" max="15611" width="7" style="283" customWidth="1"/>
    <col min="15612" max="15612" width="9.140625" style="283" customWidth="1"/>
    <col min="15613" max="15613" width="7.42578125" style="283" customWidth="1"/>
    <col min="15614" max="15614" width="9.140625" style="283" customWidth="1"/>
    <col min="15615" max="15615" width="7.42578125" style="283" customWidth="1"/>
    <col min="15616" max="15617" width="9.140625" style="283" customWidth="1"/>
    <col min="15618" max="15618" width="7.42578125" style="283" customWidth="1"/>
    <col min="15619" max="15619" width="9.140625" style="283" customWidth="1"/>
    <col min="15620" max="15620" width="7.85546875" style="283" customWidth="1"/>
    <col min="15621" max="15622" width="9.140625" style="283" customWidth="1"/>
    <col min="15623" max="15623" width="7.7109375" style="283" customWidth="1"/>
    <col min="15624" max="15624" width="9.140625" style="283" customWidth="1"/>
    <col min="15625" max="15625" width="7.5703125" style="283" customWidth="1"/>
    <col min="15626" max="15626" width="9.140625" style="283" customWidth="1"/>
    <col min="15627" max="15628" width="7.7109375" style="283" customWidth="1"/>
    <col min="15629" max="15629" width="8" style="283" customWidth="1"/>
    <col min="15630" max="15861" width="9.140625" style="283"/>
    <col min="15862" max="15862" width="32" style="283" customWidth="1"/>
    <col min="15863" max="15863" width="9.140625" style="283"/>
    <col min="15864" max="15864" width="9.140625" style="283" customWidth="1"/>
    <col min="15865" max="15865" width="9.140625" style="283"/>
    <col min="15866" max="15866" width="9.140625" style="283" customWidth="1"/>
    <col min="15867" max="15867" width="7" style="283" customWidth="1"/>
    <col min="15868" max="15868" width="9.140625" style="283" customWidth="1"/>
    <col min="15869" max="15869" width="7.42578125" style="283" customWidth="1"/>
    <col min="15870" max="15870" width="9.140625" style="283" customWidth="1"/>
    <col min="15871" max="15871" width="7.42578125" style="283" customWidth="1"/>
    <col min="15872" max="15873" width="9.140625" style="283" customWidth="1"/>
    <col min="15874" max="15874" width="7.42578125" style="283" customWidth="1"/>
    <col min="15875" max="15875" width="9.140625" style="283" customWidth="1"/>
    <col min="15876" max="15876" width="7.85546875" style="283" customWidth="1"/>
    <col min="15877" max="15878" width="9.140625" style="283" customWidth="1"/>
    <col min="15879" max="15879" width="7.7109375" style="283" customWidth="1"/>
    <col min="15880" max="15880" width="9.140625" style="283" customWidth="1"/>
    <col min="15881" max="15881" width="7.5703125" style="283" customWidth="1"/>
    <col min="15882" max="15882" width="9.140625" style="283" customWidth="1"/>
    <col min="15883" max="15884" width="7.7109375" style="283" customWidth="1"/>
    <col min="15885" max="15885" width="8" style="283" customWidth="1"/>
    <col min="15886" max="16117" width="9.140625" style="283"/>
    <col min="16118" max="16118" width="32" style="283" customWidth="1"/>
    <col min="16119" max="16119" width="9.140625" style="283"/>
    <col min="16120" max="16120" width="9.140625" style="283" customWidth="1"/>
    <col min="16121" max="16121" width="9.140625" style="283"/>
    <col min="16122" max="16122" width="9.140625" style="283" customWidth="1"/>
    <col min="16123" max="16123" width="7" style="283" customWidth="1"/>
    <col min="16124" max="16124" width="9.140625" style="283" customWidth="1"/>
    <col min="16125" max="16125" width="7.42578125" style="283" customWidth="1"/>
    <col min="16126" max="16126" width="9.140625" style="283" customWidth="1"/>
    <col min="16127" max="16127" width="7.42578125" style="283" customWidth="1"/>
    <col min="16128" max="16129" width="9.140625" style="283" customWidth="1"/>
    <col min="16130" max="16130" width="7.42578125" style="283" customWidth="1"/>
    <col min="16131" max="16131" width="9.140625" style="283" customWidth="1"/>
    <col min="16132" max="16132" width="7.85546875" style="283" customWidth="1"/>
    <col min="16133" max="16134" width="9.140625" style="283" customWidth="1"/>
    <col min="16135" max="16135" width="7.7109375" style="283" customWidth="1"/>
    <col min="16136" max="16136" width="9.140625" style="283" customWidth="1"/>
    <col min="16137" max="16137" width="7.5703125" style="283" customWidth="1"/>
    <col min="16138" max="16138" width="9.140625" style="283" customWidth="1"/>
    <col min="16139" max="16140" width="7.7109375" style="283" customWidth="1"/>
    <col min="16141" max="16141" width="8" style="283" customWidth="1"/>
    <col min="16142" max="16384" width="9.140625" style="283"/>
  </cols>
  <sheetData>
    <row r="1" spans="1:13" ht="10.5" x14ac:dyDescent="0.2">
      <c r="A1" s="395"/>
    </row>
    <row r="3" spans="1:13" ht="11.25" customHeight="1" x14ac:dyDescent="0.2">
      <c r="A3" s="983" t="s">
        <v>641</v>
      </c>
      <c r="B3" s="983"/>
      <c r="C3" s="983"/>
      <c r="D3" s="983"/>
      <c r="E3" s="983"/>
      <c r="F3" s="983"/>
      <c r="G3" s="983"/>
      <c r="H3" s="983"/>
      <c r="I3" s="983"/>
      <c r="J3" s="983"/>
      <c r="K3" s="983"/>
      <c r="L3" s="983"/>
      <c r="M3" s="397"/>
    </row>
    <row r="4" spans="1:13" ht="11.25" customHeight="1" x14ac:dyDescent="0.2">
      <c r="A4" s="983" t="s">
        <v>105</v>
      </c>
      <c r="B4" s="983"/>
      <c r="C4" s="983"/>
      <c r="D4" s="983"/>
      <c r="E4" s="983"/>
      <c r="F4" s="983"/>
      <c r="G4" s="983"/>
      <c r="H4" s="983"/>
      <c r="I4" s="983"/>
      <c r="J4" s="983"/>
      <c r="K4" s="983"/>
      <c r="L4" s="983"/>
      <c r="M4" s="397"/>
    </row>
    <row r="5" spans="1:13" ht="11.25" customHeight="1" x14ac:dyDescent="0.2">
      <c r="A5" s="983" t="s">
        <v>820</v>
      </c>
      <c r="B5" s="983"/>
      <c r="C5" s="983"/>
      <c r="D5" s="983"/>
      <c r="E5" s="983"/>
      <c r="F5" s="983"/>
      <c r="G5" s="983"/>
      <c r="H5" s="983"/>
      <c r="I5" s="983"/>
      <c r="J5" s="983"/>
      <c r="K5" s="983"/>
      <c r="L5" s="983"/>
      <c r="M5" s="397"/>
    </row>
    <row r="6" spans="1:13" ht="11.25" customHeight="1" x14ac:dyDescent="0.2">
      <c r="A6" s="984" t="s">
        <v>107</v>
      </c>
      <c r="B6" s="983"/>
      <c r="C6" s="983"/>
      <c r="D6" s="983"/>
      <c r="E6" s="983"/>
      <c r="F6" s="983"/>
      <c r="G6" s="983"/>
      <c r="H6" s="983"/>
      <c r="I6" s="983"/>
      <c r="J6" s="983"/>
      <c r="K6" s="983"/>
      <c r="L6" s="983"/>
      <c r="M6" s="397"/>
    </row>
    <row r="7" spans="1:13" ht="11.25" customHeight="1" x14ac:dyDescent="0.2">
      <c r="A7" s="983" t="s">
        <v>872</v>
      </c>
      <c r="B7" s="983"/>
      <c r="C7" s="983"/>
      <c r="D7" s="983"/>
      <c r="E7" s="983"/>
      <c r="F7" s="983"/>
      <c r="G7" s="983"/>
      <c r="H7" s="983"/>
      <c r="I7" s="983"/>
      <c r="J7" s="983"/>
      <c r="K7" s="983"/>
      <c r="L7" s="983"/>
      <c r="M7" s="397"/>
    </row>
    <row r="8" spans="1:13" ht="11.25" customHeight="1" x14ac:dyDescent="0.2">
      <c r="A8" s="982"/>
      <c r="B8" s="982"/>
      <c r="C8" s="982"/>
      <c r="D8" s="982"/>
      <c r="E8" s="982"/>
      <c r="F8" s="982"/>
      <c r="G8" s="982"/>
      <c r="H8" s="982"/>
      <c r="I8" s="982"/>
      <c r="J8" s="982"/>
      <c r="K8" s="982"/>
      <c r="L8" s="982"/>
      <c r="M8" s="397"/>
    </row>
    <row r="9" spans="1:13" ht="11.25" customHeight="1" x14ac:dyDescent="0.2">
      <c r="A9" s="988" t="s">
        <v>821</v>
      </c>
      <c r="B9" s="988"/>
      <c r="C9" s="988"/>
      <c r="D9" s="988"/>
      <c r="E9" s="396"/>
      <c r="F9" s="396"/>
      <c r="G9" s="396"/>
      <c r="H9" s="396"/>
      <c r="I9" s="396"/>
      <c r="J9" s="396"/>
      <c r="K9" s="985">
        <v>1</v>
      </c>
      <c r="L9" s="985"/>
      <c r="M9" s="397"/>
    </row>
    <row r="10" spans="1:13" s="225" customFormat="1" ht="12" customHeight="1" x14ac:dyDescent="0.2">
      <c r="A10" s="770" t="s">
        <v>173</v>
      </c>
      <c r="B10" s="739" t="s">
        <v>822</v>
      </c>
      <c r="C10" s="740"/>
      <c r="D10" s="741"/>
      <c r="E10" s="755" t="s">
        <v>857</v>
      </c>
      <c r="F10" s="691"/>
      <c r="G10" s="691"/>
      <c r="H10" s="691"/>
      <c r="I10" s="691"/>
      <c r="J10" s="692"/>
      <c r="K10" s="986" t="s">
        <v>823</v>
      </c>
      <c r="L10" s="987"/>
      <c r="M10" s="397"/>
    </row>
    <row r="11" spans="1:13" s="225" customFormat="1" ht="11.25" customHeight="1" x14ac:dyDescent="0.2">
      <c r="A11" s="762"/>
      <c r="B11" s="761" t="s">
        <v>824</v>
      </c>
      <c r="C11" s="769"/>
      <c r="D11" s="744"/>
      <c r="E11" s="753" t="s">
        <v>825</v>
      </c>
      <c r="F11" s="760"/>
      <c r="G11" s="770"/>
      <c r="H11" s="753" t="s">
        <v>826</v>
      </c>
      <c r="I11" s="760"/>
      <c r="J11" s="770"/>
      <c r="K11" s="764"/>
      <c r="L11" s="769"/>
      <c r="M11" s="397"/>
    </row>
    <row r="12" spans="1:13" s="225" customFormat="1" ht="11.25" customHeight="1" x14ac:dyDescent="0.2">
      <c r="A12" s="762"/>
      <c r="B12" s="761" t="s">
        <v>827</v>
      </c>
      <c r="C12" s="769"/>
      <c r="D12" s="744"/>
      <c r="E12" s="761"/>
      <c r="F12" s="1010"/>
      <c r="G12" s="762"/>
      <c r="H12" s="761"/>
      <c r="I12" s="1010"/>
      <c r="J12" s="762"/>
      <c r="K12" s="761" t="s">
        <v>828</v>
      </c>
      <c r="L12" s="1010"/>
      <c r="M12" s="397"/>
    </row>
    <row r="13" spans="1:13" s="225" customFormat="1" ht="21" customHeight="1" x14ac:dyDescent="0.2">
      <c r="A13" s="763"/>
      <c r="B13" s="754" t="s">
        <v>116</v>
      </c>
      <c r="C13" s="766"/>
      <c r="D13" s="745"/>
      <c r="E13" s="754"/>
      <c r="F13" s="776"/>
      <c r="G13" s="763"/>
      <c r="H13" s="766" t="s">
        <v>117</v>
      </c>
      <c r="I13" s="766"/>
      <c r="J13" s="745"/>
      <c r="K13" s="754"/>
      <c r="L13" s="776"/>
      <c r="M13" s="397"/>
    </row>
    <row r="14" spans="1:13" s="163" customFormat="1" ht="11.25" customHeight="1" x14ac:dyDescent="0.2">
      <c r="A14" s="398" t="s">
        <v>829</v>
      </c>
      <c r="B14" s="989"/>
      <c r="C14" s="990"/>
      <c r="D14" s="991"/>
      <c r="E14" s="990"/>
      <c r="F14" s="990"/>
      <c r="G14" s="991"/>
      <c r="H14" s="990"/>
      <c r="I14" s="990"/>
      <c r="J14" s="991"/>
      <c r="K14" s="989"/>
      <c r="L14" s="990"/>
      <c r="M14" s="399"/>
    </row>
    <row r="15" spans="1:13" s="225" customFormat="1" ht="11.25" customHeight="1" x14ac:dyDescent="0.2">
      <c r="A15" s="61" t="s">
        <v>830</v>
      </c>
      <c r="B15" s="992"/>
      <c r="C15" s="993"/>
      <c r="D15" s="994"/>
      <c r="E15" s="995"/>
      <c r="F15" s="993"/>
      <c r="G15" s="994"/>
      <c r="H15" s="995"/>
      <c r="I15" s="993"/>
      <c r="J15" s="994"/>
      <c r="K15" s="992"/>
      <c r="L15" s="995"/>
      <c r="M15" s="397"/>
    </row>
    <row r="16" spans="1:13" s="225" customFormat="1" ht="11.25" customHeight="1" x14ac:dyDescent="0.2">
      <c r="A16" s="61" t="s">
        <v>831</v>
      </c>
      <c r="B16" s="992"/>
      <c r="C16" s="993"/>
      <c r="D16" s="994"/>
      <c r="E16" s="995"/>
      <c r="F16" s="993"/>
      <c r="G16" s="994"/>
      <c r="H16" s="995"/>
      <c r="I16" s="993"/>
      <c r="J16" s="994"/>
      <c r="K16" s="992"/>
      <c r="L16" s="995"/>
      <c r="M16" s="397"/>
    </row>
    <row r="17" spans="1:13" s="225" customFormat="1" ht="11.25" customHeight="1" x14ac:dyDescent="0.2">
      <c r="A17" s="61" t="s">
        <v>832</v>
      </c>
      <c r="B17" s="996"/>
      <c r="C17" s="997"/>
      <c r="D17" s="998"/>
      <c r="E17" s="997"/>
      <c r="F17" s="997"/>
      <c r="G17" s="998"/>
      <c r="H17" s="997"/>
      <c r="I17" s="997"/>
      <c r="J17" s="998"/>
      <c r="K17" s="996"/>
      <c r="L17" s="997"/>
      <c r="M17" s="397"/>
    </row>
    <row r="18" spans="1:13" s="163" customFormat="1" ht="11.25" customHeight="1" x14ac:dyDescent="0.2">
      <c r="A18" s="398" t="s">
        <v>833</v>
      </c>
      <c r="B18" s="989"/>
      <c r="C18" s="990"/>
      <c r="D18" s="991"/>
      <c r="E18" s="990"/>
      <c r="F18" s="990"/>
      <c r="G18" s="991"/>
      <c r="H18" s="990"/>
      <c r="I18" s="990"/>
      <c r="J18" s="991"/>
      <c r="K18" s="989"/>
      <c r="L18" s="990"/>
      <c r="M18" s="399"/>
    </row>
    <row r="19" spans="1:13" s="225" customFormat="1" ht="11.25" customHeight="1" x14ac:dyDescent="0.2">
      <c r="A19" s="61" t="s">
        <v>834</v>
      </c>
      <c r="B19" s="992"/>
      <c r="C19" s="993"/>
      <c r="D19" s="994"/>
      <c r="E19" s="995"/>
      <c r="F19" s="993"/>
      <c r="G19" s="994"/>
      <c r="H19" s="995"/>
      <c r="I19" s="993"/>
      <c r="J19" s="994"/>
      <c r="K19" s="992"/>
      <c r="L19" s="995"/>
      <c r="M19" s="397"/>
    </row>
    <row r="20" spans="1:13" s="225" customFormat="1" ht="11.25" customHeight="1" x14ac:dyDescent="0.2">
      <c r="A20" s="61" t="s">
        <v>835</v>
      </c>
      <c r="B20" s="992"/>
      <c r="C20" s="993"/>
      <c r="D20" s="994"/>
      <c r="E20" s="995"/>
      <c r="F20" s="993"/>
      <c r="G20" s="994"/>
      <c r="H20" s="995"/>
      <c r="I20" s="993"/>
      <c r="J20" s="994"/>
      <c r="K20" s="992"/>
      <c r="L20" s="995"/>
      <c r="M20" s="397"/>
    </row>
    <row r="21" spans="1:13" s="225" customFormat="1" ht="11.25" customHeight="1" x14ac:dyDescent="0.2">
      <c r="A21" s="61" t="s">
        <v>836</v>
      </c>
      <c r="B21" s="996"/>
      <c r="C21" s="997"/>
      <c r="D21" s="998"/>
      <c r="E21" s="997"/>
      <c r="F21" s="997"/>
      <c r="G21" s="998"/>
      <c r="H21" s="997"/>
      <c r="I21" s="997"/>
      <c r="J21" s="998"/>
      <c r="K21" s="996"/>
      <c r="L21" s="997"/>
      <c r="M21" s="397"/>
    </row>
    <row r="22" spans="1:13" s="225" customFormat="1" ht="11.25" customHeight="1" x14ac:dyDescent="0.2">
      <c r="A22" s="400" t="s">
        <v>837</v>
      </c>
      <c r="B22" s="999"/>
      <c r="C22" s="1000"/>
      <c r="D22" s="1001"/>
      <c r="E22" s="1000"/>
      <c r="F22" s="1000"/>
      <c r="G22" s="1001"/>
      <c r="H22" s="1000"/>
      <c r="I22" s="1000"/>
      <c r="J22" s="1001"/>
      <c r="K22" s="999"/>
      <c r="L22" s="1000"/>
      <c r="M22" s="397"/>
    </row>
    <row r="23" spans="1:13" s="225" customFormat="1" ht="11.25" customHeight="1" x14ac:dyDescent="0.2">
      <c r="A23" s="401" t="s">
        <v>838</v>
      </c>
      <c r="B23" s="999"/>
      <c r="C23" s="1000"/>
      <c r="D23" s="1001"/>
      <c r="E23" s="1000"/>
      <c r="F23" s="1000"/>
      <c r="G23" s="1001"/>
      <c r="H23" s="1000"/>
      <c r="I23" s="1000"/>
      <c r="J23" s="1001"/>
      <c r="K23" s="999"/>
      <c r="L23" s="1000"/>
      <c r="M23" s="397"/>
    </row>
    <row r="24" spans="1:13" s="225" customFormat="1" ht="11.25" customHeight="1" x14ac:dyDescent="0.2">
      <c r="A24" s="402" t="s">
        <v>839</v>
      </c>
      <c r="B24" s="1002"/>
      <c r="C24" s="1003"/>
      <c r="D24" s="1004"/>
      <c r="E24" s="1003"/>
      <c r="F24" s="1003"/>
      <c r="G24" s="1004"/>
      <c r="H24" s="1003"/>
      <c r="I24" s="1003"/>
      <c r="J24" s="1004"/>
      <c r="K24" s="1002"/>
      <c r="L24" s="1003"/>
      <c r="M24" s="397"/>
    </row>
    <row r="25" spans="1:13" s="225" customFormat="1" ht="11.25" customHeight="1" x14ac:dyDescent="0.2">
      <c r="A25" s="61" t="s">
        <v>840</v>
      </c>
      <c r="B25" s="992"/>
      <c r="C25" s="993"/>
      <c r="D25" s="994"/>
      <c r="E25" s="995"/>
      <c r="F25" s="993"/>
      <c r="G25" s="994"/>
      <c r="H25" s="995"/>
      <c r="I25" s="993"/>
      <c r="J25" s="994"/>
      <c r="K25" s="992"/>
      <c r="L25" s="995"/>
      <c r="M25" s="397"/>
    </row>
    <row r="26" spans="1:13" s="225" customFormat="1" ht="11.25" customHeight="1" x14ac:dyDescent="0.2">
      <c r="A26" s="61" t="s">
        <v>841</v>
      </c>
      <c r="B26" s="992"/>
      <c r="C26" s="993"/>
      <c r="D26" s="994"/>
      <c r="E26" s="995"/>
      <c r="F26" s="993"/>
      <c r="G26" s="994"/>
      <c r="H26" s="995"/>
      <c r="I26" s="993"/>
      <c r="J26" s="994"/>
      <c r="K26" s="992"/>
      <c r="L26" s="995"/>
      <c r="M26" s="397"/>
    </row>
    <row r="27" spans="1:13" s="225" customFormat="1" ht="11.25" customHeight="1" x14ac:dyDescent="0.2">
      <c r="A27" s="403" t="s">
        <v>842</v>
      </c>
      <c r="B27" s="996"/>
      <c r="C27" s="997"/>
      <c r="D27" s="998"/>
      <c r="E27" s="997"/>
      <c r="F27" s="997"/>
      <c r="G27" s="998"/>
      <c r="H27" s="997"/>
      <c r="I27" s="997"/>
      <c r="J27" s="998"/>
      <c r="K27" s="996"/>
      <c r="L27" s="997"/>
      <c r="M27" s="397"/>
    </row>
    <row r="28" spans="1:13" s="163" customFormat="1" ht="11.25" customHeight="1" x14ac:dyDescent="0.2">
      <c r="A28" s="402" t="s">
        <v>843</v>
      </c>
      <c r="B28" s="989"/>
      <c r="C28" s="990"/>
      <c r="D28" s="991"/>
      <c r="E28" s="990"/>
      <c r="F28" s="990"/>
      <c r="G28" s="991"/>
      <c r="H28" s="990"/>
      <c r="I28" s="990"/>
      <c r="J28" s="991"/>
      <c r="K28" s="989"/>
      <c r="L28" s="990"/>
      <c r="M28" s="399"/>
    </row>
    <row r="29" spans="1:13" s="225" customFormat="1" ht="11.25" customHeight="1" x14ac:dyDescent="0.2">
      <c r="A29" s="61" t="s">
        <v>844</v>
      </c>
      <c r="B29" s="992"/>
      <c r="C29" s="993"/>
      <c r="D29" s="994"/>
      <c r="E29" s="995"/>
      <c r="F29" s="993"/>
      <c r="G29" s="994"/>
      <c r="H29" s="995"/>
      <c r="I29" s="993"/>
      <c r="J29" s="994"/>
      <c r="K29" s="992"/>
      <c r="L29" s="995"/>
      <c r="M29" s="397"/>
    </row>
    <row r="30" spans="1:13" s="225" customFormat="1" ht="11.25" customHeight="1" x14ac:dyDescent="0.2">
      <c r="A30" s="403" t="s">
        <v>845</v>
      </c>
      <c r="B30" s="996"/>
      <c r="C30" s="997"/>
      <c r="D30" s="998"/>
      <c r="E30" s="997"/>
      <c r="F30" s="997"/>
      <c r="G30" s="998"/>
      <c r="H30" s="997"/>
      <c r="I30" s="997"/>
      <c r="J30" s="998"/>
      <c r="K30" s="996"/>
      <c r="L30" s="997"/>
      <c r="M30" s="397"/>
    </row>
    <row r="31" spans="1:13" ht="11.25" customHeight="1" x14ac:dyDescent="0.2">
      <c r="A31" s="404"/>
      <c r="B31" s="404"/>
      <c r="C31" s="404"/>
      <c r="D31" s="404"/>
      <c r="E31" s="396"/>
      <c r="F31" s="396"/>
      <c r="G31" s="396"/>
      <c r="H31" s="396"/>
      <c r="I31" s="396"/>
      <c r="J31" s="396"/>
      <c r="K31" s="405"/>
      <c r="L31" s="405"/>
      <c r="M31" s="397"/>
    </row>
    <row r="32" spans="1:13" ht="15" customHeight="1" x14ac:dyDescent="0.2">
      <c r="A32" s="391"/>
      <c r="B32" s="393" t="s">
        <v>846</v>
      </c>
      <c r="C32" s="393" t="s">
        <v>847</v>
      </c>
      <c r="D32" s="751">
        <v>2016</v>
      </c>
      <c r="E32" s="751">
        <v>2017</v>
      </c>
      <c r="F32" s="751">
        <v>2018</v>
      </c>
      <c r="G32" s="751">
        <v>2019</v>
      </c>
      <c r="H32" s="751">
        <v>2020</v>
      </c>
      <c r="I32" s="751">
        <v>2021</v>
      </c>
      <c r="J32" s="751">
        <v>2022</v>
      </c>
      <c r="K32" s="751">
        <v>2023</v>
      </c>
      <c r="L32" s="753">
        <v>2024</v>
      </c>
      <c r="M32" s="406"/>
    </row>
    <row r="33" spans="1:13" ht="11.25" customHeight="1" x14ac:dyDescent="0.2">
      <c r="A33" s="394" t="s">
        <v>848</v>
      </c>
      <c r="B33" s="389" t="s">
        <v>849</v>
      </c>
      <c r="C33" s="389" t="s">
        <v>850</v>
      </c>
      <c r="D33" s="1011"/>
      <c r="E33" s="1011"/>
      <c r="F33" s="1006"/>
      <c r="G33" s="1006"/>
      <c r="H33" s="1006"/>
      <c r="I33" s="1006"/>
      <c r="J33" s="1006"/>
      <c r="K33" s="1006"/>
      <c r="L33" s="1008"/>
      <c r="M33" s="406"/>
    </row>
    <row r="34" spans="1:13" ht="15" customHeight="1" x14ac:dyDescent="0.2">
      <c r="A34" s="392"/>
      <c r="B34" s="390"/>
      <c r="C34" s="390">
        <v>2015</v>
      </c>
      <c r="D34" s="752"/>
      <c r="E34" s="752"/>
      <c r="F34" s="1007"/>
      <c r="G34" s="1007"/>
      <c r="H34" s="1007"/>
      <c r="I34" s="1007"/>
      <c r="J34" s="1007"/>
      <c r="K34" s="1007"/>
      <c r="L34" s="1009"/>
      <c r="M34" s="406"/>
    </row>
    <row r="35" spans="1:13" ht="11.25" customHeight="1" x14ac:dyDescent="0.2">
      <c r="A35" s="283" t="s">
        <v>851</v>
      </c>
      <c r="B35" s="648"/>
      <c r="C35" s="648"/>
      <c r="D35" s="648"/>
      <c r="E35" s="648"/>
      <c r="F35" s="648"/>
      <c r="G35" s="648"/>
      <c r="H35" s="648"/>
      <c r="I35" s="648"/>
      <c r="J35" s="648"/>
      <c r="K35" s="649"/>
      <c r="L35" s="650"/>
      <c r="M35" s="407"/>
    </row>
    <row r="36" spans="1:13" ht="11.25" customHeight="1" x14ac:dyDescent="0.2">
      <c r="A36" s="61"/>
      <c r="B36" s="648"/>
      <c r="C36" s="648"/>
      <c r="D36" s="648"/>
      <c r="E36" s="648"/>
      <c r="F36" s="648"/>
      <c r="G36" s="648"/>
      <c r="H36" s="648"/>
      <c r="I36" s="648"/>
      <c r="J36" s="648"/>
      <c r="K36" s="649"/>
      <c r="L36" s="650"/>
      <c r="M36" s="407"/>
    </row>
    <row r="37" spans="1:13" ht="11.25" customHeight="1" x14ac:dyDescent="0.2">
      <c r="A37" s="283" t="s">
        <v>852</v>
      </c>
      <c r="B37" s="648"/>
      <c r="C37" s="648"/>
      <c r="D37" s="648"/>
      <c r="E37" s="648"/>
      <c r="F37" s="648"/>
      <c r="G37" s="648"/>
      <c r="H37" s="648"/>
      <c r="I37" s="648"/>
      <c r="J37" s="648"/>
      <c r="K37" s="649"/>
      <c r="L37" s="650"/>
      <c r="M37" s="407"/>
    </row>
    <row r="38" spans="1:13" ht="11.25" customHeight="1" x14ac:dyDescent="0.2">
      <c r="A38" s="61"/>
      <c r="B38" s="648"/>
      <c r="C38" s="648"/>
      <c r="D38" s="648"/>
      <c r="E38" s="648"/>
      <c r="F38" s="648"/>
      <c r="G38" s="648"/>
      <c r="H38" s="648"/>
      <c r="I38" s="648"/>
      <c r="J38" s="648"/>
      <c r="K38" s="649"/>
      <c r="L38" s="650"/>
      <c r="M38" s="407"/>
    </row>
    <row r="39" spans="1:13" ht="11.25" customHeight="1" x14ac:dyDescent="0.2">
      <c r="A39" s="400" t="s">
        <v>853</v>
      </c>
      <c r="B39" s="505"/>
      <c r="C39" s="505"/>
      <c r="D39" s="505"/>
      <c r="E39" s="505"/>
      <c r="F39" s="505"/>
      <c r="G39" s="505"/>
      <c r="H39" s="505"/>
      <c r="I39" s="505"/>
      <c r="J39" s="505"/>
      <c r="K39" s="651"/>
      <c r="L39" s="652"/>
      <c r="M39" s="407"/>
    </row>
    <row r="40" spans="1:13" ht="15.75" customHeight="1" x14ac:dyDescent="0.2">
      <c r="A40" s="401" t="s">
        <v>854</v>
      </c>
      <c r="B40" s="505"/>
      <c r="C40" s="505">
        <v>8315444630.4399996</v>
      </c>
      <c r="D40" s="505"/>
      <c r="E40" s="505"/>
      <c r="F40" s="505"/>
      <c r="G40" s="505"/>
      <c r="H40" s="505"/>
      <c r="I40" s="505"/>
      <c r="J40" s="505"/>
      <c r="K40" s="653"/>
      <c r="L40" s="652"/>
      <c r="M40" s="407"/>
    </row>
    <row r="41" spans="1:13" ht="11.25" customHeight="1" x14ac:dyDescent="0.2">
      <c r="A41" s="401" t="s">
        <v>855</v>
      </c>
      <c r="B41" s="505"/>
      <c r="C41" s="505"/>
      <c r="D41" s="505"/>
      <c r="E41" s="505"/>
      <c r="F41" s="505"/>
      <c r="G41" s="505"/>
      <c r="H41" s="505"/>
      <c r="I41" s="505"/>
      <c r="J41" s="505"/>
      <c r="K41" s="653"/>
      <c r="L41" s="652"/>
      <c r="M41" s="407"/>
    </row>
    <row r="42" spans="1:13" ht="11.25" customHeight="1" x14ac:dyDescent="0.2">
      <c r="A42" s="408" t="s">
        <v>856</v>
      </c>
      <c r="B42" s="409"/>
      <c r="C42" s="409"/>
      <c r="D42" s="409"/>
      <c r="E42" s="409"/>
      <c r="F42" s="409"/>
      <c r="G42" s="409"/>
      <c r="H42" s="409"/>
      <c r="I42" s="409"/>
      <c r="J42" s="409"/>
      <c r="K42" s="409"/>
      <c r="L42" s="409"/>
      <c r="M42" s="410"/>
    </row>
    <row r="43" spans="1:13" ht="10.5" x14ac:dyDescent="0.2">
      <c r="A43" s="108" t="s">
        <v>865</v>
      </c>
      <c r="B43" s="19"/>
      <c r="C43" s="19"/>
      <c r="D43" s="19"/>
      <c r="E43" s="19"/>
      <c r="F43" s="19"/>
      <c r="G43" s="19"/>
      <c r="H43" s="19"/>
      <c r="I43" s="19"/>
      <c r="J43" s="1005"/>
      <c r="K43" s="1005"/>
      <c r="L43" s="1005"/>
      <c r="M43" s="63"/>
    </row>
    <row r="44" spans="1:13" ht="11.25" customHeight="1" x14ac:dyDescent="0.2">
      <c r="A44" s="225"/>
    </row>
    <row r="52" s="51" customFormat="1" ht="11.25" customHeight="1" x14ac:dyDescent="0.2"/>
    <row r="53" s="51" customFormat="1" ht="11.25" customHeight="1" x14ac:dyDescent="0.2"/>
    <row r="54" s="51" customFormat="1" ht="11.25" customHeight="1" x14ac:dyDescent="0.2"/>
    <row r="55" s="51" customFormat="1" ht="11.25" customHeight="1" x14ac:dyDescent="0.2"/>
    <row r="56" s="51" customFormat="1" ht="11.25" customHeight="1" x14ac:dyDescent="0.2"/>
    <row r="57" s="51" customFormat="1" ht="11.25" customHeight="1" x14ac:dyDescent="0.2"/>
    <row r="58"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70" orientation="portrait" r:id="rId1"/>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2"/>
    </customSheetView>
    <customSheetView guid="{6DBFA32C-4AA4-4E1D-9A48-697377C64CC3}" showGridLines="0" fitToPage="1">
      <selection activeCell="M83" sqref="M83"/>
      <pageMargins left="0.19685039370078741" right="0.19685039370078741" top="0.59055118110236227" bottom="0.19685039370078741" header="0" footer="0"/>
      <printOptions horizontalCentered="1"/>
      <pageSetup paperSize="9" scale="71" orientation="portrait" r:id="rId3"/>
    </customSheetView>
    <customSheetView guid="{25EF1E0D-169B-4051-B414-7E1196FC05E4}" showGridLines="0" fitToPage="1">
      <selection activeCell="A3" sqref="A3:L3"/>
      <pageMargins left="0.19685039370078741" right="0.19685039370078741" top="0.59055118110236227" bottom="0.19685039370078741" header="0" footer="0"/>
      <printOptions horizontalCentered="1"/>
      <pageSetup paperSize="9" scale="70" orientation="portrait" r:id="rId4"/>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5"/>
    </customSheetView>
    <customSheetView guid="{3AAF6A5F-F9AA-430B-9AD9-1261ECDF41B5}" showPageBreaks="1" showGridLines="0" fitToPage="1" printArea="1">
      <selection activeCell="M83" sqref="M83"/>
      <pageMargins left="0.19685039370078741" right="0.19685039370078741" top="0.59055118110236227" bottom="0.19685039370078741" header="0" footer="0"/>
      <printOptions horizontalCentered="1"/>
      <pageSetup paperSize="9" scale="70" orientation="portrait" r:id="rId6"/>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1"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92D050"/>
    <pageSetUpPr fitToPage="1"/>
  </sheetPr>
  <dimension ref="A1:U107"/>
  <sheetViews>
    <sheetView showGridLines="0" zoomScaleNormal="100" workbookViewId="0"/>
  </sheetViews>
  <sheetFormatPr defaultColWidth="1" defaultRowHeight="11.25" customHeight="1" x14ac:dyDescent="0.2"/>
  <cols>
    <col min="1" max="1" width="92.5703125" style="1" customWidth="1"/>
    <col min="2" max="2" width="29" style="1" bestFit="1" customWidth="1"/>
    <col min="3" max="3" width="19.140625" style="74" customWidth="1"/>
    <col min="4" max="6" width="17.28515625" style="1" bestFit="1" customWidth="1"/>
    <col min="7" max="59" width="15.7109375" style="1" customWidth="1"/>
    <col min="60" max="16384" width="1" style="1"/>
  </cols>
  <sheetData>
    <row r="1" spans="1:13" s="28" customFormat="1" ht="10.5" x14ac:dyDescent="0.2">
      <c r="A1" s="312"/>
      <c r="B1" s="312"/>
      <c r="C1" s="312"/>
      <c r="D1" s="312"/>
      <c r="E1" s="312"/>
    </row>
    <row r="2" spans="1:13" s="28" customFormat="1" ht="11.25" customHeight="1" x14ac:dyDescent="0.2">
      <c r="A2" s="138"/>
    </row>
    <row r="3" spans="1:13" s="51" customFormat="1" ht="11.25" customHeight="1" x14ac:dyDescent="0.2">
      <c r="A3" s="979" t="s">
        <v>641</v>
      </c>
      <c r="B3" s="979"/>
      <c r="C3" s="979"/>
      <c r="D3" s="979"/>
      <c r="E3" s="979"/>
      <c r="F3" s="298"/>
      <c r="G3" s="298"/>
      <c r="H3" s="298"/>
      <c r="I3" s="298"/>
      <c r="J3" s="298"/>
      <c r="K3" s="298"/>
      <c r="L3" s="298"/>
      <c r="M3" s="298"/>
    </row>
    <row r="4" spans="1:13" s="51" customFormat="1" ht="11.25" customHeight="1" x14ac:dyDescent="0.2">
      <c r="A4" s="681" t="s">
        <v>251</v>
      </c>
      <c r="B4" s="681"/>
      <c r="C4" s="681"/>
      <c r="D4" s="681"/>
      <c r="E4" s="681"/>
    </row>
    <row r="5" spans="1:13" s="51" customFormat="1" ht="11.25" customHeight="1" x14ac:dyDescent="0.2">
      <c r="A5" s="979" t="s">
        <v>106</v>
      </c>
      <c r="B5" s="979"/>
      <c r="C5" s="979"/>
      <c r="D5" s="979"/>
      <c r="E5" s="979"/>
    </row>
    <row r="6" spans="1:13" s="51" customFormat="1" ht="11.25" customHeight="1" x14ac:dyDescent="0.2">
      <c r="A6" s="979" t="s">
        <v>107</v>
      </c>
      <c r="B6" s="979"/>
      <c r="C6" s="979"/>
      <c r="D6" s="979"/>
      <c r="E6" s="979"/>
    </row>
    <row r="7" spans="1:13" s="51" customFormat="1" ht="11.25" customHeight="1" x14ac:dyDescent="0.2">
      <c r="A7" s="979" t="s">
        <v>872</v>
      </c>
      <c r="B7" s="979"/>
      <c r="C7" s="979"/>
      <c r="D7" s="979"/>
      <c r="E7" s="979"/>
    </row>
    <row r="8" spans="1:13" s="51" customFormat="1" ht="11.25" customHeight="1" x14ac:dyDescent="0.2">
      <c r="A8" s="264"/>
      <c r="B8" s="264"/>
      <c r="C8" s="264"/>
      <c r="D8" s="264"/>
      <c r="E8" s="264"/>
    </row>
    <row r="9" spans="1:13" s="28" customFormat="1" ht="11.25" customHeight="1" x14ac:dyDescent="0.2">
      <c r="A9" s="28" t="s">
        <v>819</v>
      </c>
      <c r="B9" s="140"/>
      <c r="E9" s="236">
        <v>1</v>
      </c>
    </row>
    <row r="10" spans="1:13" s="28" customFormat="1" ht="21" customHeight="1" x14ac:dyDescent="0.2">
      <c r="A10" s="141" t="s">
        <v>106</v>
      </c>
      <c r="B10" s="1018" t="s">
        <v>115</v>
      </c>
      <c r="C10" s="1019"/>
      <c r="D10" s="1019"/>
      <c r="E10" s="1019"/>
    </row>
    <row r="11" spans="1:13" s="73" customFormat="1" ht="11.25" customHeight="1" x14ac:dyDescent="0.2">
      <c r="A11" s="168" t="s">
        <v>110</v>
      </c>
      <c r="B11" s="679"/>
      <c r="C11" s="709"/>
      <c r="D11" s="709"/>
      <c r="E11" s="709"/>
    </row>
    <row r="12" spans="1:13" ht="11.25" customHeight="1" x14ac:dyDescent="0.2">
      <c r="A12" s="24" t="s">
        <v>315</v>
      </c>
      <c r="B12" s="659">
        <v>13057110000</v>
      </c>
      <c r="C12" s="660"/>
      <c r="D12" s="660"/>
      <c r="E12" s="660"/>
    </row>
    <row r="13" spans="1:13" ht="11.25" customHeight="1" x14ac:dyDescent="0.2">
      <c r="A13" s="24" t="s">
        <v>316</v>
      </c>
      <c r="B13" s="659">
        <v>13355832210.190001</v>
      </c>
      <c r="C13" s="660"/>
      <c r="D13" s="660"/>
      <c r="E13" s="660"/>
    </row>
    <row r="14" spans="1:13" ht="11.25" customHeight="1" x14ac:dyDescent="0.2">
      <c r="A14" s="24" t="s">
        <v>61</v>
      </c>
      <c r="B14" s="659">
        <v>10155148946.030001</v>
      </c>
      <c r="C14" s="660"/>
      <c r="D14" s="660"/>
      <c r="E14" s="660"/>
    </row>
    <row r="15" spans="1:13" ht="11.25" customHeight="1" x14ac:dyDescent="0.2">
      <c r="A15" s="24" t="s">
        <v>62</v>
      </c>
      <c r="B15" s="659">
        <v>852963361.20000076</v>
      </c>
      <c r="C15" s="660"/>
      <c r="D15" s="660"/>
      <c r="E15" s="660"/>
    </row>
    <row r="16" spans="1:13" ht="11.25" customHeight="1" x14ac:dyDescent="0.2">
      <c r="A16" s="24" t="s">
        <v>63</v>
      </c>
      <c r="B16" s="659">
        <v>0</v>
      </c>
      <c r="C16" s="660"/>
      <c r="D16" s="660"/>
      <c r="E16" s="660"/>
    </row>
    <row r="17" spans="1:5" s="73" customFormat="1" ht="11.25" customHeight="1" x14ac:dyDescent="0.2">
      <c r="A17" s="168" t="s">
        <v>160</v>
      </c>
      <c r="B17" s="659">
        <v>0</v>
      </c>
      <c r="C17" s="660"/>
      <c r="D17" s="660"/>
      <c r="E17" s="660"/>
    </row>
    <row r="18" spans="1:5" ht="11.25" customHeight="1" x14ac:dyDescent="0.2">
      <c r="A18" s="22" t="s">
        <v>64</v>
      </c>
      <c r="B18" s="659">
        <v>13057110000</v>
      </c>
      <c r="C18" s="660"/>
      <c r="D18" s="660"/>
      <c r="E18" s="660"/>
    </row>
    <row r="19" spans="1:5" ht="11.25" customHeight="1" x14ac:dyDescent="0.2">
      <c r="A19" s="22" t="s">
        <v>69</v>
      </c>
      <c r="B19" s="659">
        <v>2127832467.0000019</v>
      </c>
      <c r="C19" s="660"/>
      <c r="D19" s="660"/>
      <c r="E19" s="660"/>
    </row>
    <row r="20" spans="1:5" ht="11.25" customHeight="1" x14ac:dyDescent="0.2">
      <c r="A20" s="22" t="s">
        <v>65</v>
      </c>
      <c r="B20" s="659">
        <v>15184942467.000002</v>
      </c>
      <c r="C20" s="660"/>
      <c r="D20" s="660"/>
      <c r="E20" s="660"/>
    </row>
    <row r="21" spans="1:5" ht="11.25" customHeight="1" x14ac:dyDescent="0.2">
      <c r="A21" s="22" t="s">
        <v>66</v>
      </c>
      <c r="B21" s="659">
        <v>12733329330.32</v>
      </c>
      <c r="C21" s="660"/>
      <c r="D21" s="660"/>
      <c r="E21" s="660"/>
    </row>
    <row r="22" spans="1:5" ht="11.25" customHeight="1" x14ac:dyDescent="0.2">
      <c r="A22" s="24" t="s">
        <v>67</v>
      </c>
      <c r="B22" s="659">
        <v>11008112307.230001</v>
      </c>
      <c r="C22" s="660"/>
      <c r="D22" s="660"/>
      <c r="E22" s="660"/>
    </row>
    <row r="23" spans="1:5" ht="11.25" customHeight="1" x14ac:dyDescent="0.2">
      <c r="A23" s="22" t="s">
        <v>553</v>
      </c>
      <c r="B23" s="659">
        <v>10414825810.26</v>
      </c>
      <c r="C23" s="660"/>
      <c r="D23" s="660"/>
      <c r="E23" s="660"/>
    </row>
    <row r="24" spans="1:5" ht="11.25" customHeight="1" x14ac:dyDescent="0.2">
      <c r="A24" s="75" t="s">
        <v>68</v>
      </c>
      <c r="B24" s="659">
        <v>0</v>
      </c>
      <c r="C24" s="660"/>
      <c r="D24" s="660"/>
      <c r="E24" s="660"/>
    </row>
    <row r="25" spans="1:5" ht="21" customHeight="1" x14ac:dyDescent="0.2">
      <c r="A25" s="41" t="s">
        <v>254</v>
      </c>
      <c r="B25" s="690" t="s">
        <v>115</v>
      </c>
      <c r="C25" s="691"/>
      <c r="D25" s="691"/>
      <c r="E25" s="691"/>
    </row>
    <row r="26" spans="1:5" ht="11.25" customHeight="1" x14ac:dyDescent="0.2">
      <c r="A26" s="22" t="s">
        <v>252</v>
      </c>
      <c r="B26" s="659">
        <v>12733329330.320004</v>
      </c>
      <c r="C26" s="660"/>
      <c r="D26" s="660"/>
      <c r="E26" s="660"/>
    </row>
    <row r="27" spans="1:5" ht="11.25" customHeight="1" x14ac:dyDescent="0.2">
      <c r="A27" s="76" t="s">
        <v>253</v>
      </c>
      <c r="B27" s="659">
        <v>11008112307.230003</v>
      </c>
      <c r="C27" s="660"/>
      <c r="D27" s="660"/>
      <c r="E27" s="660"/>
    </row>
    <row r="28" spans="1:5" ht="23.25" customHeight="1" x14ac:dyDescent="0.2">
      <c r="A28" s="40" t="s">
        <v>255</v>
      </c>
      <c r="B28" s="691" t="s">
        <v>115</v>
      </c>
      <c r="C28" s="691"/>
      <c r="D28" s="691"/>
      <c r="E28" s="691"/>
    </row>
    <row r="29" spans="1:5" ht="11.25" customHeight="1" x14ac:dyDescent="0.2">
      <c r="A29" s="309" t="s">
        <v>256</v>
      </c>
      <c r="B29" s="1014">
        <v>8315444630.4399996</v>
      </c>
      <c r="C29" s="1015"/>
      <c r="D29" s="1015"/>
      <c r="E29" s="1015"/>
    </row>
    <row r="30" spans="1:5" ht="11.25" customHeight="1" x14ac:dyDescent="0.2">
      <c r="A30" s="22"/>
      <c r="B30" s="77"/>
      <c r="C30" s="78"/>
      <c r="D30" s="30"/>
    </row>
    <row r="31" spans="1:5" ht="21.75" customHeight="1" x14ac:dyDescent="0.2">
      <c r="A31" s="41" t="s">
        <v>70</v>
      </c>
      <c r="B31" s="690" t="s">
        <v>115</v>
      </c>
      <c r="C31" s="691"/>
      <c r="D31" s="691"/>
      <c r="E31" s="691"/>
    </row>
    <row r="32" spans="1:5" s="237" customFormat="1" ht="11.25" customHeight="1" x14ac:dyDescent="0.2">
      <c r="A32" s="163" t="s">
        <v>257</v>
      </c>
      <c r="B32" s="1020"/>
      <c r="C32" s="1021"/>
      <c r="D32" s="1021"/>
      <c r="E32" s="1021"/>
    </row>
    <row r="33" spans="1:5" ht="11.25" customHeight="1" x14ac:dyDescent="0.2">
      <c r="A33" s="22" t="s">
        <v>71</v>
      </c>
      <c r="B33" s="1012"/>
      <c r="C33" s="1013"/>
      <c r="D33" s="1013"/>
      <c r="E33" s="1013"/>
    </row>
    <row r="34" spans="1:5" ht="11.25" customHeight="1" x14ac:dyDescent="0.2">
      <c r="A34" s="22" t="s">
        <v>72</v>
      </c>
      <c r="B34" s="1012"/>
      <c r="C34" s="1013"/>
      <c r="D34" s="1013"/>
      <c r="E34" s="1013"/>
    </row>
    <row r="35" spans="1:5" ht="11.25" customHeight="1" x14ac:dyDescent="0.2">
      <c r="A35" s="22" t="s">
        <v>103</v>
      </c>
      <c r="B35" s="1012"/>
      <c r="C35" s="1013"/>
      <c r="D35" s="1013"/>
      <c r="E35" s="1013"/>
    </row>
    <row r="36" spans="1:5" ht="11.25" customHeight="1" x14ac:dyDescent="0.2">
      <c r="A36" s="163" t="s">
        <v>317</v>
      </c>
      <c r="B36" s="1012"/>
      <c r="C36" s="1013"/>
      <c r="D36" s="1013"/>
      <c r="E36" s="1013"/>
    </row>
    <row r="37" spans="1:5" s="73" customFormat="1" ht="11.25" customHeight="1" x14ac:dyDescent="0.2">
      <c r="A37" s="225" t="s">
        <v>73</v>
      </c>
      <c r="B37" s="1012">
        <v>695851268.94000006</v>
      </c>
      <c r="C37" s="1013"/>
      <c r="D37" s="1013"/>
      <c r="E37" s="1013"/>
    </row>
    <row r="38" spans="1:5" ht="11.25" customHeight="1" x14ac:dyDescent="0.2">
      <c r="A38" s="22" t="s">
        <v>74</v>
      </c>
      <c r="B38" s="1012">
        <v>1526950872.1100004</v>
      </c>
      <c r="C38" s="1013"/>
      <c r="D38" s="1013"/>
      <c r="E38" s="1013"/>
    </row>
    <row r="39" spans="1:5" ht="11.25" customHeight="1" x14ac:dyDescent="0.2">
      <c r="A39" s="75" t="s">
        <v>104</v>
      </c>
      <c r="B39" s="1016">
        <v>-831099603.17000031</v>
      </c>
      <c r="C39" s="1017"/>
      <c r="D39" s="1017"/>
      <c r="E39" s="1017"/>
    </row>
    <row r="40" spans="1:5" ht="11.25" customHeight="1" x14ac:dyDescent="0.2">
      <c r="E40" s="22"/>
    </row>
    <row r="41" spans="1:5" ht="11.25" customHeight="1" x14ac:dyDescent="0.2">
      <c r="A41" s="38"/>
      <c r="B41" s="34" t="s">
        <v>260</v>
      </c>
      <c r="C41" s="34" t="s">
        <v>261</v>
      </c>
      <c r="D41" s="739" t="s">
        <v>262</v>
      </c>
      <c r="E41" s="740"/>
    </row>
    <row r="42" spans="1:5" ht="11.25" customHeight="1" x14ac:dyDescent="0.2">
      <c r="A42" s="46" t="s">
        <v>263</v>
      </c>
      <c r="B42" s="35" t="s">
        <v>264</v>
      </c>
      <c r="C42" s="35" t="s">
        <v>115</v>
      </c>
      <c r="D42" s="764"/>
      <c r="E42" s="769"/>
    </row>
    <row r="43" spans="1:5" ht="11.25" customHeight="1" x14ac:dyDescent="0.2">
      <c r="A43" s="79"/>
      <c r="B43" s="35" t="s">
        <v>265</v>
      </c>
      <c r="C43" s="767" t="s">
        <v>117</v>
      </c>
      <c r="D43" s="764" t="s">
        <v>118</v>
      </c>
      <c r="E43" s="769"/>
    </row>
    <row r="44" spans="1:5" ht="11.25" customHeight="1" x14ac:dyDescent="0.2">
      <c r="A44" s="56"/>
      <c r="B44" s="80" t="s">
        <v>116</v>
      </c>
      <c r="C44" s="743"/>
      <c r="D44" s="765"/>
      <c r="E44" s="766"/>
    </row>
    <row r="45" spans="1:5" ht="11.25" customHeight="1" x14ac:dyDescent="0.2">
      <c r="A45" s="24" t="s">
        <v>266</v>
      </c>
      <c r="B45" s="386">
        <v>-279873000</v>
      </c>
      <c r="C45" s="386">
        <v>-698049656.19999886</v>
      </c>
      <c r="D45" s="1024">
        <v>249.41657687593977</v>
      </c>
      <c r="E45" s="1025"/>
    </row>
    <row r="46" spans="1:5" ht="11.25" customHeight="1" x14ac:dyDescent="0.2">
      <c r="A46" s="76" t="s">
        <v>267</v>
      </c>
      <c r="B46" s="387">
        <v>471749000</v>
      </c>
      <c r="C46" s="493">
        <v>-27031902.249998093</v>
      </c>
      <c r="D46" s="1016">
        <v>-5.7301451089452424</v>
      </c>
      <c r="E46" s="1017"/>
    </row>
    <row r="48" spans="1:5" ht="11.25" customHeight="1" x14ac:dyDescent="0.2">
      <c r="A48" s="741" t="s">
        <v>75</v>
      </c>
      <c r="B48" s="742" t="s">
        <v>268</v>
      </c>
      <c r="C48" s="34" t="s">
        <v>269</v>
      </c>
      <c r="D48" s="36" t="s">
        <v>554</v>
      </c>
      <c r="E48" s="36" t="s">
        <v>270</v>
      </c>
    </row>
    <row r="49" spans="1:6" ht="11.25" customHeight="1" x14ac:dyDescent="0.2">
      <c r="A49" s="745"/>
      <c r="B49" s="743"/>
      <c r="C49" s="80" t="s">
        <v>115</v>
      </c>
      <c r="D49" s="42" t="s">
        <v>115</v>
      </c>
      <c r="E49" s="42" t="s">
        <v>5</v>
      </c>
    </row>
    <row r="50" spans="1:6" s="73" customFormat="1" ht="11.25" customHeight="1" x14ac:dyDescent="0.2">
      <c r="A50" s="150" t="s">
        <v>271</v>
      </c>
      <c r="B50" s="486">
        <v>145403813.37</v>
      </c>
      <c r="C50" s="341">
        <v>415198.65</v>
      </c>
      <c r="D50" s="487">
        <v>109438975.86999999</v>
      </c>
      <c r="E50" s="487">
        <v>35549638.850000016</v>
      </c>
      <c r="F50" s="213"/>
    </row>
    <row r="51" spans="1:6" ht="11.25" customHeight="1" x14ac:dyDescent="0.2">
      <c r="A51" s="24" t="s">
        <v>272</v>
      </c>
      <c r="B51" s="239">
        <v>115280339.71000001</v>
      </c>
      <c r="C51" s="488">
        <v>415198.65</v>
      </c>
      <c r="D51" s="488">
        <v>79326196.039999992</v>
      </c>
      <c r="E51" s="488">
        <v>35538945.020000011</v>
      </c>
    </row>
    <row r="52" spans="1:6" ht="11.25" customHeight="1" x14ac:dyDescent="0.2">
      <c r="A52" s="24" t="s">
        <v>273</v>
      </c>
      <c r="B52" s="239">
        <v>5807246.6800000006</v>
      </c>
      <c r="C52" s="488">
        <v>0</v>
      </c>
      <c r="D52" s="488">
        <v>5807246.6800000006</v>
      </c>
      <c r="E52" s="488">
        <v>0</v>
      </c>
    </row>
    <row r="53" spans="1:6" ht="11.25" customHeight="1" x14ac:dyDescent="0.2">
      <c r="A53" s="24" t="s">
        <v>274</v>
      </c>
      <c r="B53" s="239">
        <v>24195296.159999996</v>
      </c>
      <c r="C53" s="488">
        <v>0</v>
      </c>
      <c r="D53" s="488">
        <v>24190740.459999997</v>
      </c>
      <c r="E53" s="488">
        <v>4555.6999999992549</v>
      </c>
    </row>
    <row r="54" spans="1:6" ht="11.25" customHeight="1" x14ac:dyDescent="0.2">
      <c r="A54" s="24" t="s">
        <v>275</v>
      </c>
      <c r="B54" s="239">
        <v>120930.82</v>
      </c>
      <c r="C54" s="488">
        <v>0</v>
      </c>
      <c r="D54" s="488">
        <v>114792.69</v>
      </c>
      <c r="E54" s="488">
        <v>6138.1300000000047</v>
      </c>
    </row>
    <row r="55" spans="1:6" s="73" customFormat="1" ht="11.25" customHeight="1" x14ac:dyDescent="0.2">
      <c r="A55" s="150" t="s">
        <v>276</v>
      </c>
      <c r="B55" s="486">
        <v>113506559.31999999</v>
      </c>
      <c r="C55" s="486">
        <v>42962751.090000011</v>
      </c>
      <c r="D55" s="486">
        <v>49348163.880000003</v>
      </c>
      <c r="E55" s="341">
        <v>21195644.34999999</v>
      </c>
    </row>
    <row r="56" spans="1:6" ht="11.25" customHeight="1" x14ac:dyDescent="0.2">
      <c r="A56" s="24" t="s">
        <v>272</v>
      </c>
      <c r="B56" s="239">
        <v>99243844.459999993</v>
      </c>
      <c r="C56" s="488">
        <v>41431395.470000006</v>
      </c>
      <c r="D56" s="488">
        <v>38056933.439999998</v>
      </c>
      <c r="E56" s="488">
        <v>19755515.54999999</v>
      </c>
    </row>
    <row r="57" spans="1:6" ht="11.25" customHeight="1" x14ac:dyDescent="0.2">
      <c r="A57" s="24" t="s">
        <v>273</v>
      </c>
      <c r="B57" s="239">
        <v>0</v>
      </c>
      <c r="C57" s="488">
        <v>0</v>
      </c>
      <c r="D57" s="488">
        <v>0</v>
      </c>
      <c r="E57" s="488">
        <v>0</v>
      </c>
    </row>
    <row r="58" spans="1:6" ht="11.25" customHeight="1" x14ac:dyDescent="0.2">
      <c r="A58" s="24" t="s">
        <v>274</v>
      </c>
      <c r="B58" s="239">
        <v>8303103.4199999999</v>
      </c>
      <c r="C58" s="488">
        <v>1155187.6000000001</v>
      </c>
      <c r="D58" s="488">
        <v>6927876.2700000005</v>
      </c>
      <c r="E58" s="488">
        <v>220039.54999999981</v>
      </c>
    </row>
    <row r="59" spans="1:6" ht="11.25" customHeight="1" x14ac:dyDescent="0.2">
      <c r="A59" s="24" t="s">
        <v>275</v>
      </c>
      <c r="B59" s="239">
        <v>5959611.4399999995</v>
      </c>
      <c r="C59" s="488">
        <v>376168.02</v>
      </c>
      <c r="D59" s="489">
        <v>4363354.17</v>
      </c>
      <c r="E59" s="489">
        <v>1220089.25</v>
      </c>
    </row>
    <row r="60" spans="1:6" ht="11.25" customHeight="1" x14ac:dyDescent="0.2">
      <c r="A60" s="265" t="s">
        <v>170</v>
      </c>
      <c r="B60" s="490">
        <v>258910372.69</v>
      </c>
      <c r="C60" s="490">
        <v>43377949.74000001</v>
      </c>
      <c r="D60" s="490">
        <v>158787139.75</v>
      </c>
      <c r="E60" s="240">
        <v>56745283.200000003</v>
      </c>
    </row>
    <row r="61" spans="1:6" ht="11.25" customHeight="1" x14ac:dyDescent="0.2">
      <c r="A61" s="38"/>
      <c r="B61" s="37" t="s">
        <v>277</v>
      </c>
      <c r="C61" s="690" t="s">
        <v>278</v>
      </c>
      <c r="D61" s="691"/>
      <c r="E61" s="691"/>
    </row>
    <row r="62" spans="1:6" ht="11.25" customHeight="1" x14ac:dyDescent="0.2">
      <c r="A62" s="46" t="s">
        <v>76</v>
      </c>
      <c r="B62" s="45" t="s">
        <v>115</v>
      </c>
      <c r="C62" s="36" t="s">
        <v>279</v>
      </c>
      <c r="D62" s="739" t="s">
        <v>294</v>
      </c>
      <c r="E62" s="740"/>
    </row>
    <row r="63" spans="1:6" ht="11.25" customHeight="1" x14ac:dyDescent="0.2">
      <c r="A63" s="44"/>
      <c r="B63" s="44"/>
      <c r="C63" s="80" t="s">
        <v>295</v>
      </c>
      <c r="D63" s="42"/>
      <c r="E63" s="43"/>
    </row>
    <row r="64" spans="1:6" ht="10.5" x14ac:dyDescent="0.2">
      <c r="A64" s="307" t="s">
        <v>806</v>
      </c>
      <c r="B64" s="239">
        <v>2575908826.7814999</v>
      </c>
      <c r="C64" s="528">
        <v>25</v>
      </c>
      <c r="D64" s="1022">
        <v>42.900855027698256</v>
      </c>
      <c r="E64" s="1023"/>
    </row>
    <row r="65" spans="1:5" ht="10.5" x14ac:dyDescent="0.2">
      <c r="A65" s="307" t="s">
        <v>77</v>
      </c>
      <c r="B65" s="239">
        <v>756583886.77999997</v>
      </c>
      <c r="C65" s="528">
        <v>60</v>
      </c>
      <c r="D65" s="1012">
        <v>106.2740866962466</v>
      </c>
      <c r="E65" s="1013"/>
    </row>
    <row r="66" spans="1:5" ht="15" customHeight="1" x14ac:dyDescent="0.2">
      <c r="A66" s="307" t="s">
        <v>78</v>
      </c>
      <c r="B66" s="239">
        <v>0</v>
      </c>
      <c r="C66" s="528">
        <v>60</v>
      </c>
      <c r="D66" s="1012">
        <v>0</v>
      </c>
      <c r="E66" s="1013"/>
    </row>
    <row r="67" spans="1:5" ht="10.5" x14ac:dyDescent="0.2">
      <c r="A67" s="308" t="s">
        <v>79</v>
      </c>
      <c r="B67" s="387">
        <v>0</v>
      </c>
      <c r="C67" s="654">
        <v>0</v>
      </c>
      <c r="D67" s="1012">
        <v>0</v>
      </c>
      <c r="E67" s="1013"/>
    </row>
    <row r="68" spans="1:5" ht="21.75" customHeight="1" x14ac:dyDescent="0.2">
      <c r="A68" s="38" t="s">
        <v>296</v>
      </c>
      <c r="B68" s="690" t="s">
        <v>297</v>
      </c>
      <c r="C68" s="692"/>
      <c r="D68" s="690" t="s">
        <v>349</v>
      </c>
      <c r="E68" s="691"/>
    </row>
    <row r="69" spans="1:5" ht="11.25" customHeight="1" x14ac:dyDescent="0.2">
      <c r="A69" s="23" t="s">
        <v>299</v>
      </c>
      <c r="B69" s="1012"/>
      <c r="C69" s="1013"/>
      <c r="D69" s="1012"/>
      <c r="E69" s="1013"/>
    </row>
    <row r="70" spans="1:5" ht="11.25" customHeight="1" x14ac:dyDescent="0.2">
      <c r="A70" s="76" t="s">
        <v>300</v>
      </c>
      <c r="B70" s="1012"/>
      <c r="C70" s="1013"/>
      <c r="D70" s="1012"/>
      <c r="E70" s="1013"/>
    </row>
    <row r="71" spans="1:5" ht="21.75" customHeight="1" x14ac:dyDescent="0.2">
      <c r="A71" s="41" t="s">
        <v>301</v>
      </c>
      <c r="B71" s="2" t="s">
        <v>302</v>
      </c>
      <c r="C71" s="3" t="s">
        <v>303</v>
      </c>
      <c r="D71" s="2" t="s">
        <v>304</v>
      </c>
      <c r="E71" s="39" t="s">
        <v>305</v>
      </c>
    </row>
    <row r="72" spans="1:5" s="73" customFormat="1" ht="11.25" customHeight="1" x14ac:dyDescent="0.2">
      <c r="A72" s="150" t="s">
        <v>257</v>
      </c>
      <c r="B72" s="655"/>
      <c r="C72" s="655"/>
      <c r="D72" s="655"/>
      <c r="E72" s="487"/>
    </row>
    <row r="73" spans="1:5" ht="11.25" customHeight="1" x14ac:dyDescent="0.2">
      <c r="A73" s="24" t="s">
        <v>258</v>
      </c>
      <c r="B73" s="529"/>
      <c r="C73" s="529"/>
      <c r="D73" s="529"/>
      <c r="E73" s="488"/>
    </row>
    <row r="74" spans="1:5" ht="11.25" customHeight="1" x14ac:dyDescent="0.2">
      <c r="A74" s="24" t="s">
        <v>259</v>
      </c>
      <c r="B74" s="529"/>
      <c r="C74" s="529"/>
      <c r="D74" s="529"/>
      <c r="E74" s="488"/>
    </row>
    <row r="75" spans="1:5" ht="11.25" customHeight="1" x14ac:dyDescent="0.2">
      <c r="A75" s="24" t="s">
        <v>103</v>
      </c>
      <c r="B75" s="529"/>
      <c r="C75" s="529"/>
      <c r="D75" s="529"/>
      <c r="E75" s="488"/>
    </row>
    <row r="76" spans="1:5" s="73" customFormat="1" ht="11.25" customHeight="1" x14ac:dyDescent="0.2">
      <c r="A76" s="150" t="s">
        <v>317</v>
      </c>
      <c r="B76" s="535"/>
      <c r="C76" s="535"/>
      <c r="D76" s="535"/>
      <c r="E76" s="341"/>
    </row>
    <row r="77" spans="1:5" ht="11.25" customHeight="1" x14ac:dyDescent="0.2">
      <c r="A77" s="24" t="s">
        <v>6</v>
      </c>
      <c r="B77" s="529"/>
      <c r="C77" s="529"/>
      <c r="D77" s="529"/>
      <c r="E77" s="488"/>
    </row>
    <row r="78" spans="1:5" ht="11.25" customHeight="1" x14ac:dyDescent="0.2">
      <c r="A78" s="24" t="s">
        <v>7</v>
      </c>
      <c r="B78" s="529"/>
      <c r="C78" s="529"/>
      <c r="D78" s="529"/>
      <c r="E78" s="488"/>
    </row>
    <row r="79" spans="1:5" ht="11.25" customHeight="1" x14ac:dyDescent="0.2">
      <c r="A79" s="24" t="s">
        <v>104</v>
      </c>
      <c r="B79" s="529"/>
      <c r="C79" s="529"/>
      <c r="D79" s="529"/>
      <c r="E79" s="488"/>
    </row>
    <row r="80" spans="1:5" ht="21" customHeight="1" x14ac:dyDescent="0.2">
      <c r="A80" s="41" t="s">
        <v>306</v>
      </c>
      <c r="B80" s="690" t="s">
        <v>297</v>
      </c>
      <c r="C80" s="692"/>
      <c r="D80" s="690" t="s">
        <v>298</v>
      </c>
      <c r="E80" s="691"/>
    </row>
    <row r="81" spans="1:21" ht="11.25" customHeight="1" x14ac:dyDescent="0.2">
      <c r="A81" s="24" t="s">
        <v>307</v>
      </c>
      <c r="B81" s="1012"/>
      <c r="C81" s="1013"/>
      <c r="D81" s="1012"/>
      <c r="E81" s="1013"/>
    </row>
    <row r="82" spans="1:21" ht="11.25" customHeight="1" x14ac:dyDescent="0.2">
      <c r="A82" s="76" t="s">
        <v>308</v>
      </c>
      <c r="B82" s="1016"/>
      <c r="C82" s="1017"/>
      <c r="D82" s="1016"/>
      <c r="E82" s="1017"/>
    </row>
    <row r="83" spans="1:21" ht="11.25" customHeight="1" x14ac:dyDescent="0.2">
      <c r="A83" s="75"/>
      <c r="B83" s="75"/>
    </row>
    <row r="84" spans="1:21" ht="15" customHeight="1" x14ac:dyDescent="0.2">
      <c r="A84" s="38"/>
      <c r="B84" s="751" t="s">
        <v>805</v>
      </c>
      <c r="C84" s="690" t="s">
        <v>309</v>
      </c>
      <c r="D84" s="691"/>
      <c r="E84" s="691"/>
    </row>
    <row r="85" spans="1:21" ht="13.5" customHeight="1" x14ac:dyDescent="0.2">
      <c r="A85" s="46" t="s">
        <v>243</v>
      </c>
      <c r="B85" s="1011"/>
      <c r="C85" s="36" t="s">
        <v>279</v>
      </c>
      <c r="D85" s="739" t="s">
        <v>294</v>
      </c>
      <c r="E85" s="740"/>
    </row>
    <row r="86" spans="1:21" ht="12.75" customHeight="1" x14ac:dyDescent="0.2">
      <c r="A86" s="44"/>
      <c r="B86" s="752"/>
      <c r="C86" s="80" t="s">
        <v>295</v>
      </c>
      <c r="D86" s="765"/>
      <c r="E86" s="766"/>
    </row>
    <row r="87" spans="1:21" ht="11.25" customHeight="1" x14ac:dyDescent="0.2">
      <c r="A87" s="311" t="s">
        <v>432</v>
      </c>
      <c r="B87" s="656">
        <v>866990182.24999976</v>
      </c>
      <c r="C87" s="388">
        <v>12</v>
      </c>
      <c r="D87" s="1020">
        <v>14.439416384786488</v>
      </c>
      <c r="E87" s="1021"/>
    </row>
    <row r="88" spans="1:21" ht="11.25" customHeight="1" x14ac:dyDescent="0.2">
      <c r="A88" s="27"/>
      <c r="B88" s="27"/>
      <c r="C88" s="82"/>
      <c r="D88" s="27"/>
      <c r="E88" s="27"/>
    </row>
    <row r="89" spans="1:21" ht="21.75" customHeight="1" x14ac:dyDescent="0.2">
      <c r="A89" s="4" t="s">
        <v>81</v>
      </c>
      <c r="B89" s="690" t="s">
        <v>80</v>
      </c>
      <c r="C89" s="691"/>
      <c r="D89" s="691"/>
      <c r="E89" s="691"/>
    </row>
    <row r="90" spans="1:21" ht="15" customHeight="1" x14ac:dyDescent="0.2">
      <c r="A90" s="310" t="s">
        <v>210</v>
      </c>
      <c r="B90" s="959"/>
      <c r="C90" s="960"/>
      <c r="D90" s="960"/>
      <c r="E90" s="960"/>
    </row>
    <row r="91" spans="1:21" ht="10.5" x14ac:dyDescent="0.2">
      <c r="A91" s="190" t="s">
        <v>865</v>
      </c>
      <c r="B91" s="190"/>
      <c r="C91" s="190"/>
      <c r="D91" s="190"/>
      <c r="E91" s="315"/>
      <c r="F91" s="19"/>
      <c r="G91" s="19"/>
      <c r="H91" s="19"/>
      <c r="I91" s="19"/>
      <c r="J91" s="19"/>
      <c r="K91" s="19"/>
      <c r="L91" s="19"/>
      <c r="M91" s="19"/>
      <c r="N91" s="19"/>
      <c r="O91" s="19"/>
      <c r="P91" s="19"/>
      <c r="Q91" s="19"/>
      <c r="R91" s="19"/>
      <c r="S91" s="19"/>
      <c r="T91" s="19"/>
      <c r="U91" s="19"/>
    </row>
    <row r="92" spans="1:21" ht="11.25" customHeight="1" x14ac:dyDescent="0.2">
      <c r="A92" s="22"/>
    </row>
    <row r="94" spans="1:21" s="283" customFormat="1" ht="11.25" customHeight="1" x14ac:dyDescent="0.2">
      <c r="C94" s="74"/>
    </row>
    <row r="95" spans="1:21" s="283" customFormat="1" ht="11.25" customHeight="1" x14ac:dyDescent="0.2">
      <c r="C95" s="74"/>
    </row>
    <row r="101" s="51" customFormat="1" ht="11.25" customHeight="1" x14ac:dyDescent="0.2"/>
    <row r="102" s="51" customFormat="1" ht="11.25" customHeight="1" x14ac:dyDescent="0.2"/>
    <row r="103" s="51" customFormat="1" ht="11.25" customHeight="1" x14ac:dyDescent="0.2"/>
    <row r="104" s="51" customFormat="1" ht="11.25" customHeight="1" x14ac:dyDescent="0.2"/>
    <row r="105" s="51" customFormat="1" ht="11.25" customHeight="1" x14ac:dyDescent="0.2"/>
    <row r="106" s="51" customFormat="1" ht="11.25" customHeight="1" x14ac:dyDescent="0.2"/>
    <row r="107"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58" orientation="portrait" r:id="rId2"/>
      <headerFooter alignWithMargins="0"/>
    </customSheetView>
    <customSheetView guid="{6DBFA32C-4AA4-4E1D-9A48-697377C64CC3}" showGridLines="0" fitToPage="1" topLeftCell="A46">
      <selection activeCell="D65" sqref="D65:E65"/>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25EF1E0D-169B-4051-B414-7E1196FC05E4}" showGridLines="0" fitToPage="1">
      <selection activeCell="B17" sqref="B17:E17"/>
      <pageMargins left="0.19685039370078741" right="0.19685039370078741" top="0.19685039370078741" bottom="0.19685039370078741" header="0" footer="0"/>
      <printOptions horizontalCentered="1"/>
      <pageSetup paperSize="9" scale="57"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3AAF6A5F-F9AA-430B-9AD9-1261ECDF41B5}" showPageBreaks="1" showGridLines="0" fitToPage="1" printArea="1">
      <selection activeCell="M83" sqref="M83"/>
      <pageMargins left="0.19685039370078741" right="0.19685039370078741" top="0.59055118110236227" bottom="0.19685039370078741" header="0" footer="0"/>
      <printOptions horizontalCentered="1"/>
      <pageSetup paperSize="9" scale="57" orientation="portrait" r:id="rId7"/>
      <headerFooter alignWithMargins="0"/>
    </customSheetView>
  </customSheetViews>
  <mergeCells count="65">
    <mergeCell ref="B90:E90"/>
    <mergeCell ref="B84:B86"/>
    <mergeCell ref="D85:E86"/>
    <mergeCell ref="B89:E89"/>
    <mergeCell ref="C84:E84"/>
    <mergeCell ref="B81:C81"/>
    <mergeCell ref="D81:E81"/>
    <mergeCell ref="D82:E82"/>
    <mergeCell ref="B82:C82"/>
    <mergeCell ref="D87:E87"/>
    <mergeCell ref="C43:C44"/>
    <mergeCell ref="D64:E64"/>
    <mergeCell ref="D65:E65"/>
    <mergeCell ref="D66:E66"/>
    <mergeCell ref="D67:E67"/>
    <mergeCell ref="C61:E61"/>
    <mergeCell ref="D43:E44"/>
    <mergeCell ref="D45:E45"/>
    <mergeCell ref="D46:E46"/>
    <mergeCell ref="B17:E17"/>
    <mergeCell ref="B18:E18"/>
    <mergeCell ref="B19:E19"/>
    <mergeCell ref="B20:E20"/>
    <mergeCell ref="B21:E21"/>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B68:C68"/>
    <mergeCell ref="D68:E68"/>
    <mergeCell ref="D62:E62"/>
    <mergeCell ref="B80:C80"/>
    <mergeCell ref="D80:E80"/>
    <mergeCell ref="D69:E69"/>
    <mergeCell ref="D70:E70"/>
    <mergeCell ref="B69:C69"/>
    <mergeCell ref="B70:C70"/>
  </mergeCells>
  <phoneticPr fontId="0" type="noConversion"/>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N94"/>
  <sheetViews>
    <sheetView showGridLines="0" zoomScaleNormal="100" workbookViewId="0"/>
  </sheetViews>
  <sheetFormatPr defaultRowHeight="11.25" customHeight="1" x14ac:dyDescent="0.2"/>
  <cols>
    <col min="1" max="1" width="57.42578125" style="51" customWidth="1"/>
    <col min="2" max="2" width="17.140625" style="51" customWidth="1"/>
    <col min="3" max="3" width="19.28515625" style="51" customWidth="1"/>
    <col min="4" max="4" width="20.140625" style="51" customWidth="1"/>
    <col min="5" max="5" width="19" style="51" bestFit="1" customWidth="1"/>
    <col min="6" max="6" width="16.85546875" style="51" customWidth="1"/>
    <col min="7" max="7" width="16.7109375" style="51" customWidth="1"/>
    <col min="8" max="8" width="19" style="51" bestFit="1" customWidth="1"/>
    <col min="9" max="9" width="21.7109375" style="51" customWidth="1"/>
    <col min="10" max="10" width="18.5703125" style="51" customWidth="1"/>
    <col min="11" max="11" width="8" style="51" bestFit="1" customWidth="1"/>
    <col min="12" max="12" width="19" style="51" bestFit="1" customWidth="1"/>
    <col min="13" max="13" width="13.85546875" style="51" customWidth="1"/>
    <col min="14" max="14" width="18.5703125" style="51" customWidth="1"/>
    <col min="15" max="15" width="6.5703125" style="51" customWidth="1"/>
    <col min="16" max="17" width="15.42578125" style="51" customWidth="1"/>
    <col min="18" max="18" width="22" style="51" customWidth="1"/>
    <col min="19" max="19" width="13.42578125" style="51" customWidth="1"/>
    <col min="20" max="16384" width="9.140625" style="51"/>
  </cols>
  <sheetData>
    <row r="1" spans="1:14" s="28" customFormat="1" ht="10.5" x14ac:dyDescent="0.2">
      <c r="A1" s="312"/>
      <c r="B1" s="312"/>
      <c r="C1" s="312"/>
      <c r="D1" s="312"/>
      <c r="E1" s="312"/>
      <c r="F1" s="312"/>
      <c r="G1" s="312"/>
      <c r="H1" s="312"/>
      <c r="I1" s="312"/>
      <c r="J1" s="312"/>
      <c r="K1" s="312"/>
      <c r="L1" s="312"/>
    </row>
    <row r="2" spans="1:14" s="28" customFormat="1" ht="10.5" x14ac:dyDescent="0.2">
      <c r="A2" s="728"/>
      <c r="B2" s="728"/>
      <c r="C2" s="728"/>
      <c r="D2" s="728"/>
      <c r="E2" s="728"/>
      <c r="F2" s="728"/>
      <c r="G2" s="728"/>
      <c r="H2" s="728"/>
      <c r="I2" s="728"/>
      <c r="J2" s="728"/>
      <c r="K2" s="728"/>
      <c r="L2" s="728"/>
    </row>
    <row r="3" spans="1:14" ht="10.5" x14ac:dyDescent="0.2">
      <c r="A3" s="681" t="s">
        <v>641</v>
      </c>
      <c r="B3" s="681"/>
      <c r="C3" s="681"/>
      <c r="D3" s="681"/>
      <c r="E3" s="681"/>
      <c r="F3" s="681"/>
      <c r="G3" s="681"/>
      <c r="H3" s="681"/>
      <c r="I3" s="681"/>
      <c r="J3" s="681"/>
      <c r="K3" s="681"/>
      <c r="L3" s="681"/>
    </row>
    <row r="4" spans="1:14" ht="10.5" x14ac:dyDescent="0.2">
      <c r="A4" s="681" t="s">
        <v>105</v>
      </c>
      <c r="B4" s="681"/>
      <c r="C4" s="681"/>
      <c r="D4" s="681"/>
      <c r="E4" s="681"/>
      <c r="F4" s="681"/>
      <c r="G4" s="681"/>
      <c r="H4" s="681"/>
      <c r="I4" s="681"/>
      <c r="J4" s="681"/>
      <c r="K4" s="681"/>
      <c r="L4" s="681"/>
    </row>
    <row r="5" spans="1:14" ht="10.5" x14ac:dyDescent="0.2">
      <c r="A5" s="681" t="s">
        <v>106</v>
      </c>
      <c r="B5" s="681"/>
      <c r="C5" s="681"/>
      <c r="D5" s="681"/>
      <c r="E5" s="681"/>
      <c r="F5" s="681"/>
      <c r="G5" s="681"/>
      <c r="H5" s="681"/>
      <c r="I5" s="681"/>
      <c r="J5" s="681"/>
      <c r="K5" s="681"/>
      <c r="L5" s="681"/>
    </row>
    <row r="6" spans="1:14" ht="10.5" x14ac:dyDescent="0.2">
      <c r="A6" s="681" t="s">
        <v>107</v>
      </c>
      <c r="B6" s="681"/>
      <c r="C6" s="681"/>
      <c r="D6" s="681"/>
      <c r="E6" s="681"/>
      <c r="F6" s="681"/>
      <c r="G6" s="681"/>
      <c r="H6" s="681"/>
      <c r="I6" s="681"/>
      <c r="J6" s="681"/>
      <c r="K6" s="681"/>
      <c r="L6" s="681"/>
    </row>
    <row r="7" spans="1:14" ht="10.5" x14ac:dyDescent="0.2">
      <c r="A7" s="681" t="s">
        <v>872</v>
      </c>
      <c r="B7" s="681"/>
      <c r="C7" s="681"/>
      <c r="D7" s="681"/>
      <c r="E7" s="681"/>
      <c r="F7" s="681"/>
      <c r="G7" s="681"/>
      <c r="H7" s="681"/>
      <c r="I7" s="681"/>
      <c r="J7" s="681"/>
      <c r="K7" s="681"/>
      <c r="L7" s="681"/>
    </row>
    <row r="8" spans="1:14" s="28" customFormat="1" ht="10.5" x14ac:dyDescent="0.2">
      <c r="A8" s="52"/>
      <c r="B8" s="52"/>
      <c r="C8" s="52"/>
      <c r="D8" s="442"/>
      <c r="E8" s="442"/>
      <c r="F8" s="52"/>
      <c r="G8" s="52"/>
      <c r="H8" s="52"/>
      <c r="I8" s="52"/>
      <c r="J8" s="52"/>
      <c r="K8" s="52"/>
    </row>
    <row r="9" spans="1:14" s="28" customFormat="1" ht="9.75" customHeight="1" x14ac:dyDescent="0.2">
      <c r="A9" s="28" t="s">
        <v>866</v>
      </c>
      <c r="B9" s="120"/>
      <c r="D9" s="321"/>
      <c r="E9" s="321"/>
      <c r="H9" s="139"/>
      <c r="I9" s="52"/>
      <c r="J9" s="139"/>
      <c r="L9" s="234">
        <v>1</v>
      </c>
    </row>
    <row r="10" spans="1:14" ht="10.5" x14ac:dyDescent="0.2">
      <c r="A10" s="685" t="s">
        <v>539</v>
      </c>
      <c r="B10" s="686" t="s">
        <v>429</v>
      </c>
      <c r="C10" s="694"/>
      <c r="D10" s="731" t="s">
        <v>235</v>
      </c>
      <c r="E10" s="732"/>
      <c r="F10" s="690" t="s">
        <v>109</v>
      </c>
      <c r="G10" s="691"/>
      <c r="H10" s="691"/>
      <c r="I10" s="691"/>
      <c r="J10" s="691"/>
      <c r="K10" s="692"/>
      <c r="L10" s="735" t="s">
        <v>161</v>
      </c>
    </row>
    <row r="11" spans="1:14" ht="10.5" x14ac:dyDescent="0.15">
      <c r="A11" s="729"/>
      <c r="B11" s="695"/>
      <c r="C11" s="696"/>
      <c r="D11" s="733"/>
      <c r="E11" s="734"/>
      <c r="F11" s="735" t="s">
        <v>113</v>
      </c>
      <c r="G11" s="737"/>
      <c r="H11" s="447" t="s">
        <v>114</v>
      </c>
      <c r="I11" s="684" t="s">
        <v>115</v>
      </c>
      <c r="J11" s="685"/>
      <c r="K11" s="448" t="s">
        <v>114</v>
      </c>
      <c r="L11" s="736"/>
    </row>
    <row r="12" spans="1:14" ht="10.5" x14ac:dyDescent="0.2">
      <c r="A12" s="730"/>
      <c r="B12" s="697"/>
      <c r="C12" s="698"/>
      <c r="D12" s="682" t="s">
        <v>116</v>
      </c>
      <c r="E12" s="683"/>
      <c r="F12" s="682" t="s">
        <v>117</v>
      </c>
      <c r="G12" s="683"/>
      <c r="H12" s="414" t="s">
        <v>118</v>
      </c>
      <c r="I12" s="682" t="s">
        <v>152</v>
      </c>
      <c r="J12" s="683"/>
      <c r="K12" s="445" t="s">
        <v>153</v>
      </c>
      <c r="L12" s="445" t="s">
        <v>154</v>
      </c>
    </row>
    <row r="13" spans="1:14" ht="10.5" x14ac:dyDescent="0.2">
      <c r="A13" s="153" t="s">
        <v>867</v>
      </c>
      <c r="B13" s="679">
        <v>1179764000</v>
      </c>
      <c r="C13" s="680"/>
      <c r="D13" s="679">
        <v>1438109577.3299999</v>
      </c>
      <c r="E13" s="680"/>
      <c r="F13" s="679">
        <v>152364084.69999999</v>
      </c>
      <c r="G13" s="680"/>
      <c r="H13" s="494">
        <v>10.594747931717398</v>
      </c>
      <c r="I13" s="679">
        <v>932671871.44000006</v>
      </c>
      <c r="J13" s="680"/>
      <c r="K13" s="449">
        <v>64.854019898233517</v>
      </c>
      <c r="L13" s="450">
        <v>505437705.88999999</v>
      </c>
    </row>
    <row r="14" spans="1:14" ht="10.5" x14ac:dyDescent="0.2">
      <c r="A14" s="154" t="s">
        <v>8</v>
      </c>
      <c r="B14" s="665">
        <v>1179764000</v>
      </c>
      <c r="C14" s="676"/>
      <c r="D14" s="665">
        <v>1438109577.3299999</v>
      </c>
      <c r="E14" s="676"/>
      <c r="F14" s="665">
        <v>152364084.69999999</v>
      </c>
      <c r="G14" s="676"/>
      <c r="H14" s="496">
        <v>10.594747931717398</v>
      </c>
      <c r="I14" s="665">
        <v>932671871.44000006</v>
      </c>
      <c r="J14" s="676"/>
      <c r="K14" s="449">
        <v>64.854019898233517</v>
      </c>
      <c r="L14" s="450">
        <v>505437705.88999999</v>
      </c>
    </row>
    <row r="15" spans="1:14" ht="10.5" x14ac:dyDescent="0.2">
      <c r="A15" s="154" t="s">
        <v>9</v>
      </c>
      <c r="B15" s="659">
        <v>0</v>
      </c>
      <c r="C15" s="672"/>
      <c r="D15" s="659">
        <v>0</v>
      </c>
      <c r="E15" s="672"/>
      <c r="F15" s="659">
        <v>0</v>
      </c>
      <c r="G15" s="672"/>
      <c r="H15" s="451">
        <v>0</v>
      </c>
      <c r="I15" s="659">
        <v>0</v>
      </c>
      <c r="J15" s="672"/>
      <c r="K15" s="451">
        <v>0</v>
      </c>
      <c r="L15" s="452">
        <v>0</v>
      </c>
      <c r="M15" s="30"/>
      <c r="N15" s="63"/>
    </row>
    <row r="16" spans="1:14" ht="10.5" x14ac:dyDescent="0.2">
      <c r="A16" s="31" t="s">
        <v>10</v>
      </c>
      <c r="B16" s="659">
        <v>0</v>
      </c>
      <c r="C16" s="672"/>
      <c r="D16" s="659">
        <v>0</v>
      </c>
      <c r="E16" s="672"/>
      <c r="F16" s="659">
        <v>0</v>
      </c>
      <c r="G16" s="672"/>
      <c r="H16" s="451">
        <v>0</v>
      </c>
      <c r="I16" s="659">
        <v>0</v>
      </c>
      <c r="J16" s="672"/>
      <c r="K16" s="451">
        <v>0</v>
      </c>
      <c r="L16" s="452">
        <v>0</v>
      </c>
    </row>
    <row r="17" spans="1:14" ht="10.5" x14ac:dyDescent="0.2">
      <c r="A17" s="31" t="s">
        <v>11</v>
      </c>
      <c r="B17" s="659">
        <v>0</v>
      </c>
      <c r="C17" s="672"/>
      <c r="D17" s="659">
        <v>0</v>
      </c>
      <c r="E17" s="672"/>
      <c r="F17" s="659">
        <v>0</v>
      </c>
      <c r="G17" s="672"/>
      <c r="H17" s="451">
        <v>0</v>
      </c>
      <c r="I17" s="659">
        <v>0</v>
      </c>
      <c r="J17" s="672"/>
      <c r="K17" s="451">
        <v>0</v>
      </c>
      <c r="L17" s="452">
        <v>0</v>
      </c>
    </row>
    <row r="18" spans="1:14" ht="10.5" x14ac:dyDescent="0.2">
      <c r="A18" s="31" t="s">
        <v>12</v>
      </c>
      <c r="B18" s="659">
        <v>0</v>
      </c>
      <c r="C18" s="672"/>
      <c r="D18" s="659">
        <v>0</v>
      </c>
      <c r="E18" s="672"/>
      <c r="F18" s="659">
        <v>0</v>
      </c>
      <c r="G18" s="672"/>
      <c r="H18" s="451">
        <v>0</v>
      </c>
      <c r="I18" s="659">
        <v>0</v>
      </c>
      <c r="J18" s="672"/>
      <c r="K18" s="451">
        <v>0</v>
      </c>
      <c r="L18" s="452">
        <v>0</v>
      </c>
    </row>
    <row r="19" spans="1:14" ht="10.5" x14ac:dyDescent="0.2">
      <c r="A19" s="154" t="s">
        <v>13</v>
      </c>
      <c r="B19" s="659">
        <v>1179742000</v>
      </c>
      <c r="C19" s="672"/>
      <c r="D19" s="659">
        <v>1179742000</v>
      </c>
      <c r="E19" s="672"/>
      <c r="F19" s="659">
        <v>78424568.540000007</v>
      </c>
      <c r="G19" s="672"/>
      <c r="H19" s="451">
        <v>6.6476033353055159</v>
      </c>
      <c r="I19" s="659">
        <v>674326294.11000001</v>
      </c>
      <c r="J19" s="672"/>
      <c r="K19" s="451">
        <v>57.158793542147357</v>
      </c>
      <c r="L19" s="452">
        <v>505415705.88999999</v>
      </c>
      <c r="M19" s="63"/>
      <c r="N19" s="63"/>
    </row>
    <row r="20" spans="1:14" ht="10.5" x14ac:dyDescent="0.2">
      <c r="A20" s="31" t="s">
        <v>14</v>
      </c>
      <c r="B20" s="659">
        <v>1179742000</v>
      </c>
      <c r="C20" s="672"/>
      <c r="D20" s="659">
        <v>1179742000</v>
      </c>
      <c r="E20" s="672"/>
      <c r="F20" s="659">
        <v>78424568.540000007</v>
      </c>
      <c r="G20" s="672"/>
      <c r="H20" s="451">
        <v>6.6476033353055159</v>
      </c>
      <c r="I20" s="659">
        <v>674326294.11000001</v>
      </c>
      <c r="J20" s="672"/>
      <c r="K20" s="451">
        <v>57.158793542147357</v>
      </c>
      <c r="L20" s="452">
        <v>505415705.88999999</v>
      </c>
    </row>
    <row r="21" spans="1:14" ht="10.5" x14ac:dyDescent="0.2">
      <c r="A21" s="31" t="s">
        <v>357</v>
      </c>
      <c r="B21" s="659">
        <v>0</v>
      </c>
      <c r="C21" s="672"/>
      <c r="D21" s="659">
        <v>0</v>
      </c>
      <c r="E21" s="672"/>
      <c r="F21" s="659">
        <v>0</v>
      </c>
      <c r="G21" s="672"/>
      <c r="H21" s="451">
        <v>0</v>
      </c>
      <c r="I21" s="659">
        <v>0</v>
      </c>
      <c r="J21" s="672"/>
      <c r="K21" s="451">
        <v>0</v>
      </c>
      <c r="L21" s="452">
        <v>0</v>
      </c>
    </row>
    <row r="22" spans="1:14" ht="10.5" x14ac:dyDescent="0.2">
      <c r="A22" s="31" t="s">
        <v>358</v>
      </c>
      <c r="B22" s="659">
        <v>0</v>
      </c>
      <c r="C22" s="672"/>
      <c r="D22" s="659">
        <v>0</v>
      </c>
      <c r="E22" s="672"/>
      <c r="F22" s="659">
        <v>0</v>
      </c>
      <c r="G22" s="672"/>
      <c r="H22" s="451">
        <v>0</v>
      </c>
      <c r="I22" s="659">
        <v>0</v>
      </c>
      <c r="J22" s="672"/>
      <c r="K22" s="451">
        <v>0</v>
      </c>
      <c r="L22" s="452">
        <v>0</v>
      </c>
    </row>
    <row r="23" spans="1:14" ht="10.5" x14ac:dyDescent="0.2">
      <c r="A23" s="154" t="s">
        <v>15</v>
      </c>
      <c r="B23" s="659">
        <v>0</v>
      </c>
      <c r="C23" s="672"/>
      <c r="D23" s="659">
        <v>0</v>
      </c>
      <c r="E23" s="672"/>
      <c r="F23" s="659">
        <v>0</v>
      </c>
      <c r="G23" s="672"/>
      <c r="H23" s="451">
        <v>0</v>
      </c>
      <c r="I23" s="659">
        <v>0</v>
      </c>
      <c r="J23" s="672"/>
      <c r="K23" s="451">
        <v>0</v>
      </c>
      <c r="L23" s="452">
        <v>0</v>
      </c>
    </row>
    <row r="24" spans="1:14" ht="10.5" x14ac:dyDescent="0.2">
      <c r="A24" s="31" t="s">
        <v>16</v>
      </c>
      <c r="B24" s="659">
        <v>0</v>
      </c>
      <c r="C24" s="672"/>
      <c r="D24" s="659">
        <v>0</v>
      </c>
      <c r="E24" s="672"/>
      <c r="F24" s="659">
        <v>0</v>
      </c>
      <c r="G24" s="672"/>
      <c r="H24" s="451">
        <v>0</v>
      </c>
      <c r="I24" s="659">
        <v>0</v>
      </c>
      <c r="J24" s="672"/>
      <c r="K24" s="451">
        <v>0</v>
      </c>
      <c r="L24" s="452">
        <v>0</v>
      </c>
    </row>
    <row r="25" spans="1:14" ht="10.5" x14ac:dyDescent="0.2">
      <c r="A25" s="31" t="s">
        <v>17</v>
      </c>
      <c r="B25" s="659">
        <v>0</v>
      </c>
      <c r="C25" s="672"/>
      <c r="D25" s="659">
        <v>0</v>
      </c>
      <c r="E25" s="672"/>
      <c r="F25" s="659">
        <v>0</v>
      </c>
      <c r="G25" s="672"/>
      <c r="H25" s="451">
        <v>0</v>
      </c>
      <c r="I25" s="659">
        <v>0</v>
      </c>
      <c r="J25" s="672"/>
      <c r="K25" s="451">
        <v>0</v>
      </c>
      <c r="L25" s="452">
        <v>0</v>
      </c>
    </row>
    <row r="26" spans="1:14" ht="10.5" x14ac:dyDescent="0.2">
      <c r="A26" s="31" t="s">
        <v>18</v>
      </c>
      <c r="B26" s="659">
        <v>0</v>
      </c>
      <c r="C26" s="672"/>
      <c r="D26" s="659">
        <v>0</v>
      </c>
      <c r="E26" s="672"/>
      <c r="F26" s="659">
        <v>0</v>
      </c>
      <c r="G26" s="672"/>
      <c r="H26" s="451">
        <v>0</v>
      </c>
      <c r="I26" s="659">
        <v>0</v>
      </c>
      <c r="J26" s="672"/>
      <c r="K26" s="451">
        <v>0</v>
      </c>
      <c r="L26" s="452">
        <v>0</v>
      </c>
    </row>
    <row r="27" spans="1:14" ht="10.5" x14ac:dyDescent="0.2">
      <c r="A27" s="31" t="s">
        <v>119</v>
      </c>
      <c r="B27" s="659">
        <v>0</v>
      </c>
      <c r="C27" s="672"/>
      <c r="D27" s="659">
        <v>0</v>
      </c>
      <c r="E27" s="672"/>
      <c r="F27" s="659">
        <v>0</v>
      </c>
      <c r="G27" s="672"/>
      <c r="H27" s="451">
        <v>0</v>
      </c>
      <c r="I27" s="659">
        <v>0</v>
      </c>
      <c r="J27" s="672"/>
      <c r="K27" s="451">
        <v>0</v>
      </c>
      <c r="L27" s="452">
        <v>0</v>
      </c>
    </row>
    <row r="28" spans="1:14" ht="21" x14ac:dyDescent="0.2">
      <c r="A28" s="57" t="s">
        <v>370</v>
      </c>
      <c r="B28" s="659">
        <v>0</v>
      </c>
      <c r="C28" s="672"/>
      <c r="D28" s="659">
        <v>0</v>
      </c>
      <c r="E28" s="672"/>
      <c r="F28" s="659">
        <v>0</v>
      </c>
      <c r="G28" s="672"/>
      <c r="H28" s="451">
        <v>0</v>
      </c>
      <c r="I28" s="659">
        <v>0</v>
      </c>
      <c r="J28" s="672"/>
      <c r="K28" s="451">
        <v>0</v>
      </c>
      <c r="L28" s="452">
        <v>0</v>
      </c>
    </row>
    <row r="29" spans="1:14" ht="10.5" x14ac:dyDescent="0.2">
      <c r="A29" s="57" t="s">
        <v>371</v>
      </c>
      <c r="B29" s="659">
        <v>0</v>
      </c>
      <c r="C29" s="672"/>
      <c r="D29" s="659">
        <v>0</v>
      </c>
      <c r="E29" s="672"/>
      <c r="F29" s="659">
        <v>0</v>
      </c>
      <c r="G29" s="672"/>
      <c r="H29" s="451">
        <v>0</v>
      </c>
      <c r="I29" s="659">
        <v>0</v>
      </c>
      <c r="J29" s="672"/>
      <c r="K29" s="451">
        <v>0</v>
      </c>
      <c r="L29" s="452">
        <v>0</v>
      </c>
    </row>
    <row r="30" spans="1:14" ht="10.5" x14ac:dyDescent="0.2">
      <c r="A30" s="31" t="s">
        <v>19</v>
      </c>
      <c r="B30" s="659">
        <v>0</v>
      </c>
      <c r="C30" s="672"/>
      <c r="D30" s="659">
        <v>0</v>
      </c>
      <c r="E30" s="672"/>
      <c r="F30" s="659">
        <v>0</v>
      </c>
      <c r="G30" s="672"/>
      <c r="H30" s="451">
        <v>0</v>
      </c>
      <c r="I30" s="659">
        <v>0</v>
      </c>
      <c r="J30" s="672"/>
      <c r="K30" s="451">
        <v>0</v>
      </c>
      <c r="L30" s="452">
        <v>0</v>
      </c>
    </row>
    <row r="31" spans="1:14" ht="10.5" x14ac:dyDescent="0.2">
      <c r="A31" s="154" t="s">
        <v>20</v>
      </c>
      <c r="B31" s="659">
        <v>0</v>
      </c>
      <c r="C31" s="672"/>
      <c r="D31" s="659">
        <v>0</v>
      </c>
      <c r="E31" s="672"/>
      <c r="F31" s="659">
        <v>0</v>
      </c>
      <c r="G31" s="672"/>
      <c r="H31" s="451">
        <v>0</v>
      </c>
      <c r="I31" s="659">
        <v>0</v>
      </c>
      <c r="J31" s="672"/>
      <c r="K31" s="451">
        <v>0</v>
      </c>
      <c r="L31" s="452">
        <v>0</v>
      </c>
    </row>
    <row r="32" spans="1:14" ht="10.5" x14ac:dyDescent="0.2">
      <c r="A32" s="31" t="s">
        <v>21</v>
      </c>
      <c r="B32" s="659">
        <v>0</v>
      </c>
      <c r="C32" s="672"/>
      <c r="D32" s="659">
        <v>0</v>
      </c>
      <c r="E32" s="672"/>
      <c r="F32" s="659">
        <v>0</v>
      </c>
      <c r="G32" s="672"/>
      <c r="H32" s="451">
        <v>0</v>
      </c>
      <c r="I32" s="659">
        <v>0</v>
      </c>
      <c r="J32" s="672"/>
      <c r="K32" s="451">
        <v>0</v>
      </c>
      <c r="L32" s="452">
        <v>0</v>
      </c>
    </row>
    <row r="33" spans="1:14" ht="10.5" x14ac:dyDescent="0.2">
      <c r="A33" s="31" t="s">
        <v>22</v>
      </c>
      <c r="B33" s="659">
        <v>0</v>
      </c>
      <c r="C33" s="672"/>
      <c r="D33" s="659">
        <v>0</v>
      </c>
      <c r="E33" s="672"/>
      <c r="F33" s="659">
        <v>0</v>
      </c>
      <c r="G33" s="672"/>
      <c r="H33" s="451">
        <v>0</v>
      </c>
      <c r="I33" s="659">
        <v>0</v>
      </c>
      <c r="J33" s="672"/>
      <c r="K33" s="451">
        <v>0</v>
      </c>
      <c r="L33" s="452">
        <v>0</v>
      </c>
    </row>
    <row r="34" spans="1:14" ht="10.5" x14ac:dyDescent="0.2">
      <c r="A34" s="31" t="s">
        <v>23</v>
      </c>
      <c r="B34" s="659">
        <v>0</v>
      </c>
      <c r="C34" s="672"/>
      <c r="D34" s="659">
        <v>0</v>
      </c>
      <c r="E34" s="672"/>
      <c r="F34" s="659">
        <v>0</v>
      </c>
      <c r="G34" s="672"/>
      <c r="H34" s="451">
        <v>0</v>
      </c>
      <c r="I34" s="659">
        <v>0</v>
      </c>
      <c r="J34" s="672"/>
      <c r="K34" s="451">
        <v>0</v>
      </c>
      <c r="L34" s="452">
        <v>0</v>
      </c>
    </row>
    <row r="35" spans="1:14" ht="10.5" x14ac:dyDescent="0.2">
      <c r="A35" s="154" t="s">
        <v>24</v>
      </c>
      <c r="B35" s="659">
        <v>0</v>
      </c>
      <c r="C35" s="672"/>
      <c r="D35" s="659">
        <v>0</v>
      </c>
      <c r="E35" s="672"/>
      <c r="F35" s="659">
        <v>0</v>
      </c>
      <c r="G35" s="672"/>
      <c r="H35" s="451">
        <v>0</v>
      </c>
      <c r="I35" s="659">
        <v>0</v>
      </c>
      <c r="J35" s="672"/>
      <c r="K35" s="451">
        <v>0</v>
      </c>
      <c r="L35" s="452">
        <v>0</v>
      </c>
    </row>
    <row r="36" spans="1:14" ht="10.5" x14ac:dyDescent="0.2">
      <c r="A36" s="31" t="s">
        <v>372</v>
      </c>
      <c r="B36" s="659">
        <v>0</v>
      </c>
      <c r="C36" s="672"/>
      <c r="D36" s="659">
        <v>0</v>
      </c>
      <c r="E36" s="672"/>
      <c r="F36" s="659">
        <v>0</v>
      </c>
      <c r="G36" s="672"/>
      <c r="H36" s="451">
        <v>0</v>
      </c>
      <c r="I36" s="659">
        <v>0</v>
      </c>
      <c r="J36" s="672"/>
      <c r="K36" s="451">
        <v>0</v>
      </c>
      <c r="L36" s="452">
        <v>0</v>
      </c>
    </row>
    <row r="37" spans="1:14" ht="10.5" x14ac:dyDescent="0.2">
      <c r="A37" s="31" t="s">
        <v>25</v>
      </c>
      <c r="B37" s="659">
        <v>0</v>
      </c>
      <c r="C37" s="672"/>
      <c r="D37" s="659">
        <v>0</v>
      </c>
      <c r="E37" s="672"/>
      <c r="F37" s="659">
        <v>0</v>
      </c>
      <c r="G37" s="672"/>
      <c r="H37" s="451">
        <v>0</v>
      </c>
      <c r="I37" s="659">
        <v>0</v>
      </c>
      <c r="J37" s="672"/>
      <c r="K37" s="451">
        <v>0</v>
      </c>
      <c r="L37" s="452">
        <v>0</v>
      </c>
    </row>
    <row r="38" spans="1:14" ht="10.5" x14ac:dyDescent="0.2">
      <c r="A38" s="31" t="s">
        <v>26</v>
      </c>
      <c r="B38" s="659">
        <v>0</v>
      </c>
      <c r="C38" s="672"/>
      <c r="D38" s="659">
        <v>0</v>
      </c>
      <c r="E38" s="672"/>
      <c r="F38" s="659">
        <v>0</v>
      </c>
      <c r="G38" s="672"/>
      <c r="H38" s="451">
        <v>0</v>
      </c>
      <c r="I38" s="659">
        <v>0</v>
      </c>
      <c r="J38" s="672"/>
      <c r="K38" s="451">
        <v>0</v>
      </c>
      <c r="L38" s="452">
        <v>0</v>
      </c>
    </row>
    <row r="39" spans="1:14" ht="10.5" x14ac:dyDescent="0.2">
      <c r="A39" s="58" t="s">
        <v>27</v>
      </c>
      <c r="B39" s="659">
        <v>0</v>
      </c>
      <c r="C39" s="672"/>
      <c r="D39" s="659">
        <v>0</v>
      </c>
      <c r="E39" s="672"/>
      <c r="F39" s="659">
        <v>0</v>
      </c>
      <c r="G39" s="672"/>
      <c r="H39" s="451">
        <v>0</v>
      </c>
      <c r="I39" s="659">
        <v>0</v>
      </c>
      <c r="J39" s="672"/>
      <c r="K39" s="451">
        <v>0</v>
      </c>
      <c r="L39" s="452">
        <v>0</v>
      </c>
    </row>
    <row r="40" spans="1:14" ht="10.5" x14ac:dyDescent="0.2">
      <c r="A40" s="154" t="s">
        <v>28</v>
      </c>
      <c r="B40" s="659">
        <v>3000</v>
      </c>
      <c r="C40" s="672"/>
      <c r="D40" s="659">
        <v>3000</v>
      </c>
      <c r="E40" s="672"/>
      <c r="F40" s="659">
        <v>0</v>
      </c>
      <c r="G40" s="672"/>
      <c r="H40" s="451">
        <v>0</v>
      </c>
      <c r="I40" s="659">
        <v>0</v>
      </c>
      <c r="J40" s="672"/>
      <c r="K40" s="451">
        <v>0</v>
      </c>
      <c r="L40" s="452">
        <v>3000</v>
      </c>
    </row>
    <row r="41" spans="1:14" ht="10.5" x14ac:dyDescent="0.2">
      <c r="A41" s="154" t="s">
        <v>29</v>
      </c>
      <c r="B41" s="659">
        <v>0</v>
      </c>
      <c r="C41" s="672"/>
      <c r="D41" s="659">
        <v>0</v>
      </c>
      <c r="E41" s="672"/>
      <c r="F41" s="659">
        <v>0</v>
      </c>
      <c r="G41" s="672"/>
      <c r="H41" s="451">
        <v>0</v>
      </c>
      <c r="I41" s="659">
        <v>0</v>
      </c>
      <c r="J41" s="672"/>
      <c r="K41" s="451">
        <v>0</v>
      </c>
      <c r="L41" s="452">
        <v>0</v>
      </c>
      <c r="M41" s="63"/>
      <c r="N41" s="63"/>
    </row>
    <row r="42" spans="1:14" ht="10.5" x14ac:dyDescent="0.2">
      <c r="A42" s="31" t="s">
        <v>30</v>
      </c>
      <c r="B42" s="659">
        <v>0</v>
      </c>
      <c r="C42" s="672"/>
      <c r="D42" s="659">
        <v>0</v>
      </c>
      <c r="E42" s="672"/>
      <c r="F42" s="659">
        <v>0</v>
      </c>
      <c r="G42" s="672"/>
      <c r="H42" s="451">
        <v>0</v>
      </c>
      <c r="I42" s="659">
        <v>0</v>
      </c>
      <c r="J42" s="672"/>
      <c r="K42" s="451">
        <v>0</v>
      </c>
      <c r="L42" s="452">
        <v>0</v>
      </c>
    </row>
    <row r="43" spans="1:14" ht="10.5" x14ac:dyDescent="0.2">
      <c r="A43" s="31" t="s">
        <v>31</v>
      </c>
      <c r="B43" s="659">
        <v>0</v>
      </c>
      <c r="C43" s="672"/>
      <c r="D43" s="659">
        <v>0</v>
      </c>
      <c r="E43" s="672"/>
      <c r="F43" s="659">
        <v>0</v>
      </c>
      <c r="G43" s="672"/>
      <c r="H43" s="451">
        <v>0</v>
      </c>
      <c r="I43" s="659">
        <v>0</v>
      </c>
      <c r="J43" s="672"/>
      <c r="K43" s="451">
        <v>0</v>
      </c>
      <c r="L43" s="452">
        <v>0</v>
      </c>
    </row>
    <row r="44" spans="1:14" ht="10.5" x14ac:dyDescent="0.2">
      <c r="A44" s="31" t="s">
        <v>32</v>
      </c>
      <c r="B44" s="659">
        <v>0</v>
      </c>
      <c r="C44" s="672"/>
      <c r="D44" s="659">
        <v>0</v>
      </c>
      <c r="E44" s="672"/>
      <c r="F44" s="659">
        <v>0</v>
      </c>
      <c r="G44" s="672"/>
      <c r="H44" s="451">
        <v>0</v>
      </c>
      <c r="I44" s="659">
        <v>0</v>
      </c>
      <c r="J44" s="672"/>
      <c r="K44" s="451">
        <v>0</v>
      </c>
      <c r="L44" s="452">
        <v>0</v>
      </c>
    </row>
    <row r="45" spans="1:14" ht="10.5" x14ac:dyDescent="0.2">
      <c r="A45" s="31" t="s">
        <v>33</v>
      </c>
      <c r="B45" s="659">
        <v>0</v>
      </c>
      <c r="C45" s="672"/>
      <c r="D45" s="659">
        <v>0</v>
      </c>
      <c r="E45" s="672"/>
      <c r="F45" s="659">
        <v>0</v>
      </c>
      <c r="G45" s="672"/>
      <c r="H45" s="451">
        <v>0</v>
      </c>
      <c r="I45" s="659">
        <v>0</v>
      </c>
      <c r="J45" s="672"/>
      <c r="K45" s="451">
        <v>0</v>
      </c>
      <c r="L45" s="452">
        <v>0</v>
      </c>
    </row>
    <row r="46" spans="1:14" ht="10.5" x14ac:dyDescent="0.2">
      <c r="A46" s="31" t="s">
        <v>34</v>
      </c>
      <c r="B46" s="659">
        <v>0</v>
      </c>
      <c r="C46" s="672"/>
      <c r="D46" s="659">
        <v>0</v>
      </c>
      <c r="E46" s="672"/>
      <c r="F46" s="659">
        <v>0</v>
      </c>
      <c r="G46" s="672"/>
      <c r="H46" s="451">
        <v>0</v>
      </c>
      <c r="I46" s="659">
        <v>0</v>
      </c>
      <c r="J46" s="672"/>
      <c r="K46" s="451">
        <v>0</v>
      </c>
      <c r="L46" s="452">
        <v>0</v>
      </c>
    </row>
    <row r="47" spans="1:14" ht="10.5" x14ac:dyDescent="0.2">
      <c r="A47" s="59" t="s">
        <v>35</v>
      </c>
      <c r="B47" s="659">
        <v>0</v>
      </c>
      <c r="C47" s="672"/>
      <c r="D47" s="659">
        <v>0</v>
      </c>
      <c r="E47" s="672"/>
      <c r="F47" s="659">
        <v>0</v>
      </c>
      <c r="G47" s="672"/>
      <c r="H47" s="451">
        <v>0</v>
      </c>
      <c r="I47" s="659">
        <v>0</v>
      </c>
      <c r="J47" s="672"/>
      <c r="K47" s="451">
        <v>0</v>
      </c>
      <c r="L47" s="452">
        <v>0</v>
      </c>
    </row>
    <row r="48" spans="1:14" ht="10.5" x14ac:dyDescent="0.2">
      <c r="A48" s="154" t="s">
        <v>36</v>
      </c>
      <c r="B48" s="659">
        <v>19000</v>
      </c>
      <c r="C48" s="672"/>
      <c r="D48" s="659">
        <v>258364577.33000001</v>
      </c>
      <c r="E48" s="672"/>
      <c r="F48" s="659">
        <v>73939516.159999996</v>
      </c>
      <c r="G48" s="672"/>
      <c r="H48" s="451">
        <v>28.618286966467405</v>
      </c>
      <c r="I48" s="659">
        <v>258345577.33000001</v>
      </c>
      <c r="J48" s="672"/>
      <c r="K48" s="451">
        <v>99.992646050710064</v>
      </c>
      <c r="L48" s="452">
        <v>19000</v>
      </c>
    </row>
    <row r="49" spans="1:14" ht="10.5" x14ac:dyDescent="0.2">
      <c r="A49" s="31" t="s">
        <v>37</v>
      </c>
      <c r="B49" s="659">
        <v>19000</v>
      </c>
      <c r="C49" s="672"/>
      <c r="D49" s="659">
        <v>19000</v>
      </c>
      <c r="E49" s="672"/>
      <c r="F49" s="659">
        <v>0</v>
      </c>
      <c r="G49" s="672"/>
      <c r="H49" s="451">
        <v>0</v>
      </c>
      <c r="I49" s="659">
        <v>0</v>
      </c>
      <c r="J49" s="672"/>
      <c r="K49" s="451">
        <v>0</v>
      </c>
      <c r="L49" s="452">
        <v>19000</v>
      </c>
    </row>
    <row r="50" spans="1:14" ht="10.5" x14ac:dyDescent="0.2">
      <c r="A50" s="31" t="s">
        <v>38</v>
      </c>
      <c r="B50" s="659">
        <v>0</v>
      </c>
      <c r="C50" s="672"/>
      <c r="D50" s="659">
        <v>0</v>
      </c>
      <c r="E50" s="672"/>
      <c r="F50" s="659">
        <v>0</v>
      </c>
      <c r="G50" s="672"/>
      <c r="H50" s="451">
        <v>0</v>
      </c>
      <c r="I50" s="659">
        <v>0</v>
      </c>
      <c r="J50" s="672"/>
      <c r="K50" s="451">
        <v>0</v>
      </c>
      <c r="L50" s="452">
        <v>0</v>
      </c>
    </row>
    <row r="51" spans="1:14" ht="10.5" x14ac:dyDescent="0.2">
      <c r="A51" s="31" t="s">
        <v>39</v>
      </c>
      <c r="B51" s="659">
        <v>0</v>
      </c>
      <c r="C51" s="672"/>
      <c r="D51" s="659">
        <v>0</v>
      </c>
      <c r="E51" s="672"/>
      <c r="F51" s="659">
        <v>0</v>
      </c>
      <c r="G51" s="672"/>
      <c r="H51" s="451">
        <v>0</v>
      </c>
      <c r="I51" s="659">
        <v>0</v>
      </c>
      <c r="J51" s="672"/>
      <c r="K51" s="451">
        <v>0</v>
      </c>
      <c r="L51" s="452">
        <v>0</v>
      </c>
    </row>
    <row r="52" spans="1:14" ht="21" x14ac:dyDescent="0.2">
      <c r="A52" s="57" t="s">
        <v>373</v>
      </c>
      <c r="B52" s="659">
        <v>0</v>
      </c>
      <c r="C52" s="672"/>
      <c r="D52" s="659">
        <v>0</v>
      </c>
      <c r="E52" s="672"/>
      <c r="F52" s="659">
        <v>0</v>
      </c>
      <c r="G52" s="672"/>
      <c r="H52" s="451">
        <v>0</v>
      </c>
      <c r="I52" s="659">
        <v>0</v>
      </c>
      <c r="J52" s="672"/>
      <c r="K52" s="451">
        <v>0</v>
      </c>
      <c r="L52" s="452">
        <v>0</v>
      </c>
    </row>
    <row r="53" spans="1:14" ht="10.5" x14ac:dyDescent="0.2">
      <c r="A53" s="59" t="s">
        <v>54</v>
      </c>
      <c r="B53" s="659">
        <v>0</v>
      </c>
      <c r="C53" s="672"/>
      <c r="D53" s="659">
        <v>258345577.33000001</v>
      </c>
      <c r="E53" s="672"/>
      <c r="F53" s="659">
        <v>73939516.159999996</v>
      </c>
      <c r="G53" s="672"/>
      <c r="H53" s="451">
        <v>28.620391695559277</v>
      </c>
      <c r="I53" s="659">
        <v>258345577.33000001</v>
      </c>
      <c r="J53" s="672"/>
      <c r="K53" s="451">
        <v>100</v>
      </c>
      <c r="L53" s="452">
        <v>0</v>
      </c>
    </row>
    <row r="54" spans="1:14" ht="10.5" x14ac:dyDescent="0.2">
      <c r="A54" s="154" t="s">
        <v>40</v>
      </c>
      <c r="B54" s="665">
        <v>0</v>
      </c>
      <c r="C54" s="676"/>
      <c r="D54" s="665">
        <v>0</v>
      </c>
      <c r="E54" s="676"/>
      <c r="F54" s="665">
        <v>0</v>
      </c>
      <c r="G54" s="676"/>
      <c r="H54" s="449">
        <v>0</v>
      </c>
      <c r="I54" s="665">
        <v>0</v>
      </c>
      <c r="J54" s="676"/>
      <c r="K54" s="449">
        <v>0</v>
      </c>
      <c r="L54" s="495">
        <v>0</v>
      </c>
    </row>
    <row r="55" spans="1:14" ht="10.5" x14ac:dyDescent="0.2">
      <c r="A55" s="154" t="s">
        <v>41</v>
      </c>
      <c r="B55" s="659">
        <v>0</v>
      </c>
      <c r="C55" s="672"/>
      <c r="D55" s="659">
        <v>0</v>
      </c>
      <c r="E55" s="672"/>
      <c r="F55" s="659">
        <v>0</v>
      </c>
      <c r="G55" s="672"/>
      <c r="H55" s="451">
        <v>0</v>
      </c>
      <c r="I55" s="659">
        <v>0</v>
      </c>
      <c r="J55" s="672"/>
      <c r="K55" s="451">
        <v>0</v>
      </c>
      <c r="L55" s="452">
        <v>0</v>
      </c>
    </row>
    <row r="56" spans="1:14" ht="10.5" x14ac:dyDescent="0.2">
      <c r="A56" s="31" t="s">
        <v>42</v>
      </c>
      <c r="B56" s="659">
        <v>0</v>
      </c>
      <c r="C56" s="672"/>
      <c r="D56" s="659">
        <v>0</v>
      </c>
      <c r="E56" s="672"/>
      <c r="F56" s="659">
        <v>0</v>
      </c>
      <c r="G56" s="672"/>
      <c r="H56" s="451">
        <v>0</v>
      </c>
      <c r="I56" s="659">
        <v>0</v>
      </c>
      <c r="J56" s="672"/>
      <c r="K56" s="451">
        <v>0</v>
      </c>
      <c r="L56" s="452">
        <v>0</v>
      </c>
    </row>
    <row r="57" spans="1:14" ht="10.5" x14ac:dyDescent="0.2">
      <c r="A57" s="31" t="s">
        <v>43</v>
      </c>
      <c r="B57" s="659">
        <v>0</v>
      </c>
      <c r="C57" s="672"/>
      <c r="D57" s="659">
        <v>0</v>
      </c>
      <c r="E57" s="672"/>
      <c r="F57" s="659">
        <v>0</v>
      </c>
      <c r="G57" s="672"/>
      <c r="H57" s="451">
        <v>0</v>
      </c>
      <c r="I57" s="659">
        <v>0</v>
      </c>
      <c r="J57" s="672"/>
      <c r="K57" s="451">
        <v>0</v>
      </c>
      <c r="L57" s="452">
        <v>0</v>
      </c>
    </row>
    <row r="58" spans="1:14" ht="10.5" x14ac:dyDescent="0.2">
      <c r="A58" s="154" t="s">
        <v>44</v>
      </c>
      <c r="B58" s="659">
        <v>0</v>
      </c>
      <c r="C58" s="672"/>
      <c r="D58" s="659">
        <v>0</v>
      </c>
      <c r="E58" s="672"/>
      <c r="F58" s="659">
        <v>0</v>
      </c>
      <c r="G58" s="672"/>
      <c r="H58" s="451">
        <v>0</v>
      </c>
      <c r="I58" s="659">
        <v>0</v>
      </c>
      <c r="J58" s="672"/>
      <c r="K58" s="451">
        <v>0</v>
      </c>
      <c r="L58" s="452">
        <v>0</v>
      </c>
      <c r="M58" s="63"/>
      <c r="N58" s="63"/>
    </row>
    <row r="59" spans="1:14" ht="10.5" x14ac:dyDescent="0.2">
      <c r="A59" s="31" t="s">
        <v>45</v>
      </c>
      <c r="B59" s="659">
        <v>0</v>
      </c>
      <c r="C59" s="672"/>
      <c r="D59" s="659">
        <v>0</v>
      </c>
      <c r="E59" s="672"/>
      <c r="F59" s="659">
        <v>0</v>
      </c>
      <c r="G59" s="672"/>
      <c r="H59" s="451">
        <v>0</v>
      </c>
      <c r="I59" s="659">
        <v>0</v>
      </c>
      <c r="J59" s="672"/>
      <c r="K59" s="451">
        <v>0</v>
      </c>
      <c r="L59" s="452">
        <v>0</v>
      </c>
    </row>
    <row r="60" spans="1:14" ht="10.5" x14ac:dyDescent="0.2">
      <c r="A60" s="31" t="s">
        <v>46</v>
      </c>
      <c r="B60" s="659">
        <v>0</v>
      </c>
      <c r="C60" s="672"/>
      <c r="D60" s="659">
        <v>0</v>
      </c>
      <c r="E60" s="672"/>
      <c r="F60" s="659">
        <v>0</v>
      </c>
      <c r="G60" s="672"/>
      <c r="H60" s="451">
        <v>0</v>
      </c>
      <c r="I60" s="659">
        <v>0</v>
      </c>
      <c r="J60" s="672"/>
      <c r="K60" s="451">
        <v>0</v>
      </c>
      <c r="L60" s="452">
        <v>0</v>
      </c>
    </row>
    <row r="61" spans="1:14" ht="10.5" x14ac:dyDescent="0.2">
      <c r="A61" s="154" t="s">
        <v>47</v>
      </c>
      <c r="B61" s="659">
        <v>0</v>
      </c>
      <c r="C61" s="672"/>
      <c r="D61" s="659">
        <v>0</v>
      </c>
      <c r="E61" s="672"/>
      <c r="F61" s="659">
        <v>0</v>
      </c>
      <c r="G61" s="672"/>
      <c r="H61" s="451">
        <v>0</v>
      </c>
      <c r="I61" s="659">
        <v>0</v>
      </c>
      <c r="J61" s="672"/>
      <c r="K61" s="451">
        <v>0</v>
      </c>
      <c r="L61" s="452">
        <v>0</v>
      </c>
    </row>
    <row r="62" spans="1:14" ht="10.5" x14ac:dyDescent="0.2">
      <c r="A62" s="154" t="s">
        <v>48</v>
      </c>
      <c r="B62" s="659">
        <v>0</v>
      </c>
      <c r="C62" s="672"/>
      <c r="D62" s="659">
        <v>0</v>
      </c>
      <c r="E62" s="672"/>
      <c r="F62" s="659">
        <v>0</v>
      </c>
      <c r="G62" s="672"/>
      <c r="H62" s="451">
        <v>0</v>
      </c>
      <c r="I62" s="659">
        <v>0</v>
      </c>
      <c r="J62" s="672"/>
      <c r="K62" s="451">
        <v>0</v>
      </c>
      <c r="L62" s="452">
        <v>0</v>
      </c>
      <c r="M62" s="63"/>
      <c r="N62" s="63"/>
    </row>
    <row r="63" spans="1:14" ht="10.5" x14ac:dyDescent="0.2">
      <c r="A63" s="31" t="s">
        <v>30</v>
      </c>
      <c r="B63" s="659">
        <v>0</v>
      </c>
      <c r="C63" s="672"/>
      <c r="D63" s="659">
        <v>0</v>
      </c>
      <c r="E63" s="672"/>
      <c r="F63" s="659">
        <v>0</v>
      </c>
      <c r="G63" s="672"/>
      <c r="H63" s="451">
        <v>0</v>
      </c>
      <c r="I63" s="659">
        <v>0</v>
      </c>
      <c r="J63" s="672"/>
      <c r="K63" s="451">
        <v>0</v>
      </c>
      <c r="L63" s="452">
        <v>0</v>
      </c>
    </row>
    <row r="64" spans="1:14" ht="10.5" x14ac:dyDescent="0.2">
      <c r="A64" s="31" t="s">
        <v>31</v>
      </c>
      <c r="B64" s="659">
        <v>0</v>
      </c>
      <c r="C64" s="672"/>
      <c r="D64" s="659">
        <v>0</v>
      </c>
      <c r="E64" s="672"/>
      <c r="F64" s="659">
        <v>0</v>
      </c>
      <c r="G64" s="672"/>
      <c r="H64" s="451">
        <v>0</v>
      </c>
      <c r="I64" s="659">
        <v>0</v>
      </c>
      <c r="J64" s="672"/>
      <c r="K64" s="451">
        <v>0</v>
      </c>
      <c r="L64" s="452">
        <v>0</v>
      </c>
    </row>
    <row r="65" spans="1:12" ht="10.5" x14ac:dyDescent="0.2">
      <c r="A65" s="31" t="s">
        <v>32</v>
      </c>
      <c r="B65" s="659">
        <v>0</v>
      </c>
      <c r="C65" s="672"/>
      <c r="D65" s="659">
        <v>0</v>
      </c>
      <c r="E65" s="672"/>
      <c r="F65" s="659">
        <v>0</v>
      </c>
      <c r="G65" s="672"/>
      <c r="H65" s="451">
        <v>0</v>
      </c>
      <c r="I65" s="659">
        <v>0</v>
      </c>
      <c r="J65" s="672"/>
      <c r="K65" s="451">
        <v>0</v>
      </c>
      <c r="L65" s="452">
        <v>0</v>
      </c>
    </row>
    <row r="66" spans="1:12" ht="10.5" x14ac:dyDescent="0.2">
      <c r="A66" s="31" t="s">
        <v>33</v>
      </c>
      <c r="B66" s="659">
        <v>0</v>
      </c>
      <c r="C66" s="672"/>
      <c r="D66" s="659">
        <v>0</v>
      </c>
      <c r="E66" s="672"/>
      <c r="F66" s="659">
        <v>0</v>
      </c>
      <c r="G66" s="672"/>
      <c r="H66" s="451">
        <v>0</v>
      </c>
      <c r="I66" s="659">
        <v>0</v>
      </c>
      <c r="J66" s="672"/>
      <c r="K66" s="451">
        <v>0</v>
      </c>
      <c r="L66" s="452">
        <v>0</v>
      </c>
    </row>
    <row r="67" spans="1:12" ht="10.5" x14ac:dyDescent="0.2">
      <c r="A67" s="60" t="s">
        <v>49</v>
      </c>
      <c r="B67" s="659">
        <v>0</v>
      </c>
      <c r="C67" s="672"/>
      <c r="D67" s="659">
        <v>0</v>
      </c>
      <c r="E67" s="672"/>
      <c r="F67" s="659">
        <v>0</v>
      </c>
      <c r="G67" s="672"/>
      <c r="H67" s="451">
        <v>0</v>
      </c>
      <c r="I67" s="659">
        <v>0</v>
      </c>
      <c r="J67" s="672"/>
      <c r="K67" s="451">
        <v>0</v>
      </c>
      <c r="L67" s="452">
        <v>0</v>
      </c>
    </row>
    <row r="68" spans="1:12" ht="10.5" x14ac:dyDescent="0.2">
      <c r="A68" s="60" t="s">
        <v>34</v>
      </c>
      <c r="B68" s="659">
        <v>0</v>
      </c>
      <c r="C68" s="672"/>
      <c r="D68" s="659">
        <v>0</v>
      </c>
      <c r="E68" s="672"/>
      <c r="F68" s="659">
        <v>0</v>
      </c>
      <c r="G68" s="672"/>
      <c r="H68" s="451">
        <v>0</v>
      </c>
      <c r="I68" s="659">
        <v>0</v>
      </c>
      <c r="J68" s="672"/>
      <c r="K68" s="451">
        <v>0</v>
      </c>
      <c r="L68" s="452">
        <v>0</v>
      </c>
    </row>
    <row r="69" spans="1:12" ht="10.5" x14ac:dyDescent="0.2">
      <c r="A69" s="60" t="s">
        <v>35</v>
      </c>
      <c r="B69" s="659">
        <v>0</v>
      </c>
      <c r="C69" s="672"/>
      <c r="D69" s="659">
        <v>0</v>
      </c>
      <c r="E69" s="672"/>
      <c r="F69" s="659">
        <v>0</v>
      </c>
      <c r="G69" s="672"/>
      <c r="H69" s="451">
        <v>0</v>
      </c>
      <c r="I69" s="659">
        <v>0</v>
      </c>
      <c r="J69" s="672"/>
      <c r="K69" s="451">
        <v>0</v>
      </c>
      <c r="L69" s="452">
        <v>0</v>
      </c>
    </row>
    <row r="70" spans="1:12" ht="10.5" x14ac:dyDescent="0.2">
      <c r="A70" s="154" t="s">
        <v>50</v>
      </c>
      <c r="B70" s="659">
        <v>0</v>
      </c>
      <c r="C70" s="672"/>
      <c r="D70" s="659">
        <v>0</v>
      </c>
      <c r="E70" s="672">
        <v>0</v>
      </c>
      <c r="F70" s="659">
        <v>0</v>
      </c>
      <c r="G70" s="672"/>
      <c r="H70" s="451">
        <v>0</v>
      </c>
      <c r="I70" s="659">
        <v>0</v>
      </c>
      <c r="J70" s="672"/>
      <c r="K70" s="451">
        <v>0</v>
      </c>
      <c r="L70" s="452">
        <v>0</v>
      </c>
    </row>
    <row r="71" spans="1:12" ht="10.5" x14ac:dyDescent="0.2">
      <c r="A71" s="31" t="s">
        <v>51</v>
      </c>
      <c r="B71" s="659">
        <v>0</v>
      </c>
      <c r="C71" s="672"/>
      <c r="D71" s="659">
        <v>0</v>
      </c>
      <c r="E71" s="672"/>
      <c r="F71" s="659">
        <v>0</v>
      </c>
      <c r="G71" s="672"/>
      <c r="H71" s="451">
        <v>0</v>
      </c>
      <c r="I71" s="659">
        <v>0</v>
      </c>
      <c r="J71" s="672"/>
      <c r="K71" s="451">
        <v>0</v>
      </c>
      <c r="L71" s="452">
        <v>0</v>
      </c>
    </row>
    <row r="72" spans="1:12" ht="10.5" x14ac:dyDescent="0.2">
      <c r="A72" s="61" t="s">
        <v>52</v>
      </c>
      <c r="B72" s="659">
        <v>0</v>
      </c>
      <c r="C72" s="672"/>
      <c r="D72" s="659">
        <v>0</v>
      </c>
      <c r="E72" s="672"/>
      <c r="F72" s="659">
        <v>0</v>
      </c>
      <c r="G72" s="672"/>
      <c r="H72" s="451">
        <v>0</v>
      </c>
      <c r="I72" s="659">
        <v>0</v>
      </c>
      <c r="J72" s="672"/>
      <c r="K72" s="451">
        <v>0</v>
      </c>
      <c r="L72" s="452">
        <v>0</v>
      </c>
    </row>
    <row r="73" spans="1:12" ht="10.5" x14ac:dyDescent="0.2">
      <c r="A73" s="453" t="s">
        <v>53</v>
      </c>
      <c r="B73" s="710">
        <v>0</v>
      </c>
      <c r="C73" s="723"/>
      <c r="D73" s="710">
        <v>0</v>
      </c>
      <c r="E73" s="723"/>
      <c r="F73" s="710">
        <v>0</v>
      </c>
      <c r="G73" s="723"/>
      <c r="H73" s="454">
        <v>0</v>
      </c>
      <c r="I73" s="710">
        <v>0</v>
      </c>
      <c r="J73" s="723"/>
      <c r="K73" s="454">
        <v>0</v>
      </c>
      <c r="L73" s="455">
        <v>0</v>
      </c>
    </row>
    <row r="74" spans="1:12" ht="5.0999999999999996" customHeight="1" x14ac:dyDescent="0.2">
      <c r="F74" s="63"/>
      <c r="G74" s="63"/>
      <c r="H74" s="63"/>
      <c r="I74" s="63"/>
      <c r="J74" s="63"/>
      <c r="K74" s="63"/>
      <c r="L74" s="63"/>
    </row>
    <row r="75" spans="1:12" ht="5.0999999999999996" customHeight="1" x14ac:dyDescent="0.2">
      <c r="F75" s="63"/>
      <c r="G75" s="63"/>
      <c r="H75" s="63"/>
      <c r="I75" s="63"/>
      <c r="J75" s="63"/>
      <c r="K75" s="63"/>
      <c r="L75" s="63"/>
    </row>
    <row r="76" spans="1:12" ht="10.5" x14ac:dyDescent="0.2">
      <c r="A76" s="702" t="s">
        <v>540</v>
      </c>
      <c r="B76" s="443" t="s">
        <v>157</v>
      </c>
      <c r="C76" s="443" t="s">
        <v>157</v>
      </c>
      <c r="D76" s="712" t="s">
        <v>158</v>
      </c>
      <c r="E76" s="720"/>
      <c r="F76" s="667" t="s">
        <v>161</v>
      </c>
      <c r="G76" s="712" t="s">
        <v>159</v>
      </c>
      <c r="H76" s="713"/>
      <c r="I76" s="724" t="s">
        <v>161</v>
      </c>
      <c r="J76" s="726" t="s">
        <v>538</v>
      </c>
      <c r="K76" s="714" t="s">
        <v>639</v>
      </c>
      <c r="L76" s="715"/>
    </row>
    <row r="77" spans="1:12" ht="10.5" x14ac:dyDescent="0.2">
      <c r="A77" s="703"/>
      <c r="B77" s="444" t="s">
        <v>111</v>
      </c>
      <c r="C77" s="444" t="s">
        <v>112</v>
      </c>
      <c r="D77" s="66" t="s">
        <v>433</v>
      </c>
      <c r="E77" s="66" t="s">
        <v>434</v>
      </c>
      <c r="F77" s="668"/>
      <c r="G77" s="66" t="s">
        <v>433</v>
      </c>
      <c r="H77" s="67" t="s">
        <v>434</v>
      </c>
      <c r="I77" s="725"/>
      <c r="J77" s="727"/>
      <c r="K77" s="716"/>
      <c r="L77" s="717"/>
    </row>
    <row r="78" spans="1:12" ht="10.5" x14ac:dyDescent="0.2">
      <c r="A78" s="703"/>
      <c r="B78" s="444"/>
      <c r="C78" s="444"/>
      <c r="D78" s="67" t="s">
        <v>121</v>
      </c>
      <c r="E78" s="67" t="s">
        <v>121</v>
      </c>
      <c r="F78" s="668"/>
      <c r="G78" s="67" t="s">
        <v>121</v>
      </c>
      <c r="H78" s="67" t="s">
        <v>121</v>
      </c>
      <c r="I78" s="725"/>
      <c r="J78" s="727"/>
      <c r="K78" s="716"/>
      <c r="L78" s="717"/>
    </row>
    <row r="79" spans="1:12" s="419" customFormat="1" ht="15" customHeight="1" x14ac:dyDescent="0.2">
      <c r="A79" s="704"/>
      <c r="B79" s="416" t="s">
        <v>162</v>
      </c>
      <c r="C79" s="416" t="s">
        <v>163</v>
      </c>
      <c r="D79" s="418"/>
      <c r="E79" s="416" t="s">
        <v>233</v>
      </c>
      <c r="F79" s="417" t="s">
        <v>542</v>
      </c>
      <c r="G79" s="418"/>
      <c r="H79" s="416" t="s">
        <v>165</v>
      </c>
      <c r="I79" s="416" t="s">
        <v>543</v>
      </c>
      <c r="J79" s="416" t="s">
        <v>350</v>
      </c>
      <c r="K79" s="718"/>
      <c r="L79" s="719"/>
    </row>
    <row r="80" spans="1:12" ht="10.5" x14ac:dyDescent="0.2">
      <c r="A80" s="159" t="s">
        <v>868</v>
      </c>
      <c r="B80" s="521">
        <v>931270300</v>
      </c>
      <c r="C80" s="521">
        <v>1870450005.8099999</v>
      </c>
      <c r="D80" s="521">
        <v>638136054.19000006</v>
      </c>
      <c r="E80" s="521">
        <v>1785847519.96</v>
      </c>
      <c r="F80" s="521">
        <v>84602485.849999905</v>
      </c>
      <c r="G80" s="521">
        <v>581862223.77999997</v>
      </c>
      <c r="H80" s="521">
        <v>1581234518.9000001</v>
      </c>
      <c r="I80" s="521">
        <v>289215486.90999985</v>
      </c>
      <c r="J80" s="521">
        <v>1399237525.0799999</v>
      </c>
      <c r="K80" s="721">
        <v>0</v>
      </c>
      <c r="L80" s="722"/>
    </row>
    <row r="81" spans="1:12" ht="10.5" x14ac:dyDescent="0.2">
      <c r="A81" s="69" t="s">
        <v>86</v>
      </c>
      <c r="B81" s="521">
        <v>931270300</v>
      </c>
      <c r="C81" s="521">
        <v>1870450005.8099999</v>
      </c>
      <c r="D81" s="521">
        <v>638136054.19000006</v>
      </c>
      <c r="E81" s="521">
        <v>1785847519.96</v>
      </c>
      <c r="F81" s="521">
        <v>84602485.850000024</v>
      </c>
      <c r="G81" s="521">
        <v>581862223.77999997</v>
      </c>
      <c r="H81" s="521">
        <v>1581234518.9000001</v>
      </c>
      <c r="I81" s="521">
        <v>289215486.91000009</v>
      </c>
      <c r="J81" s="521">
        <v>1399237525.0799999</v>
      </c>
      <c r="K81" s="659">
        <v>0</v>
      </c>
      <c r="L81" s="660"/>
    </row>
    <row r="82" spans="1:12" s="50" customFormat="1" ht="10.5" x14ac:dyDescent="0.2">
      <c r="A82" s="69" t="s">
        <v>87</v>
      </c>
      <c r="B82" s="451">
        <v>710980400</v>
      </c>
      <c r="C82" s="451">
        <v>1104683626.2</v>
      </c>
      <c r="D82" s="451">
        <v>152536085.56999999</v>
      </c>
      <c r="E82" s="451">
        <v>1036113224.64</v>
      </c>
      <c r="F82" s="451">
        <v>68570401.560000062</v>
      </c>
      <c r="G82" s="452">
        <v>190506332.78</v>
      </c>
      <c r="H82" s="452">
        <v>944050255.66999996</v>
      </c>
      <c r="I82" s="452">
        <v>160633370.53000009</v>
      </c>
      <c r="J82" s="451">
        <v>784014082.12</v>
      </c>
      <c r="K82" s="659"/>
      <c r="L82" s="660"/>
    </row>
    <row r="83" spans="1:12" ht="10.5" x14ac:dyDescent="0.2">
      <c r="A83" s="69" t="s">
        <v>88</v>
      </c>
      <c r="B83" s="451">
        <v>0</v>
      </c>
      <c r="C83" s="451">
        <v>0</v>
      </c>
      <c r="D83" s="451">
        <v>0</v>
      </c>
      <c r="E83" s="451">
        <v>0</v>
      </c>
      <c r="F83" s="451">
        <v>0</v>
      </c>
      <c r="G83" s="452">
        <v>0</v>
      </c>
      <c r="H83" s="452">
        <v>0</v>
      </c>
      <c r="I83" s="452">
        <v>0</v>
      </c>
      <c r="J83" s="451">
        <v>0</v>
      </c>
      <c r="K83" s="659"/>
      <c r="L83" s="660"/>
    </row>
    <row r="84" spans="1:12" ht="10.5" x14ac:dyDescent="0.2">
      <c r="A84" s="69" t="s">
        <v>89</v>
      </c>
      <c r="B84" s="522">
        <v>220289900</v>
      </c>
      <c r="C84" s="522">
        <v>765766379.61000001</v>
      </c>
      <c r="D84" s="522">
        <v>485599968.62</v>
      </c>
      <c r="E84" s="522">
        <v>749734295.32000005</v>
      </c>
      <c r="F84" s="522">
        <v>16032084.289999962</v>
      </c>
      <c r="G84" s="522">
        <v>391355891</v>
      </c>
      <c r="H84" s="522">
        <v>637184263.23000002</v>
      </c>
      <c r="I84" s="522">
        <v>128582116.38</v>
      </c>
      <c r="J84" s="522">
        <v>615223442.96000004</v>
      </c>
      <c r="K84" s="659">
        <v>0</v>
      </c>
      <c r="L84" s="660"/>
    </row>
    <row r="85" spans="1:12" ht="10.5" x14ac:dyDescent="0.2">
      <c r="A85" s="70" t="s">
        <v>739</v>
      </c>
      <c r="B85" s="451">
        <v>0</v>
      </c>
      <c r="C85" s="451">
        <v>0</v>
      </c>
      <c r="D85" s="451">
        <v>0</v>
      </c>
      <c r="E85" s="451">
        <v>0</v>
      </c>
      <c r="F85" s="451">
        <v>0</v>
      </c>
      <c r="G85" s="452">
        <v>0</v>
      </c>
      <c r="H85" s="452">
        <v>0</v>
      </c>
      <c r="I85" s="452">
        <v>0</v>
      </c>
      <c r="J85" s="451">
        <v>0</v>
      </c>
      <c r="K85" s="659"/>
      <c r="L85" s="660"/>
    </row>
    <row r="86" spans="1:12" ht="10.5" x14ac:dyDescent="0.2">
      <c r="A86" s="70" t="s">
        <v>740</v>
      </c>
      <c r="B86" s="451">
        <v>220289900</v>
      </c>
      <c r="C86" s="451">
        <v>765766379.61000001</v>
      </c>
      <c r="D86" s="451">
        <v>485599968.62</v>
      </c>
      <c r="E86" s="451">
        <v>749734295.32000005</v>
      </c>
      <c r="F86" s="451">
        <v>16032084.289999962</v>
      </c>
      <c r="G86" s="452">
        <v>391355891</v>
      </c>
      <c r="H86" s="452">
        <v>637184263.23000002</v>
      </c>
      <c r="I86" s="452">
        <v>128582116.38</v>
      </c>
      <c r="J86" s="451">
        <v>615223442.96000004</v>
      </c>
      <c r="K86" s="659"/>
      <c r="L86" s="660"/>
    </row>
    <row r="87" spans="1:12" s="50" customFormat="1" ht="10.5" x14ac:dyDescent="0.2">
      <c r="A87" s="69" t="s">
        <v>90</v>
      </c>
      <c r="B87" s="522">
        <v>0</v>
      </c>
      <c r="C87" s="522">
        <v>0</v>
      </c>
      <c r="D87" s="522">
        <v>0</v>
      </c>
      <c r="E87" s="522">
        <v>0</v>
      </c>
      <c r="F87" s="522">
        <v>0</v>
      </c>
      <c r="G87" s="522">
        <v>0</v>
      </c>
      <c r="H87" s="522">
        <v>0</v>
      </c>
      <c r="I87" s="522">
        <v>0</v>
      </c>
      <c r="J87" s="522">
        <v>0</v>
      </c>
      <c r="K87" s="659">
        <v>0</v>
      </c>
      <c r="L87" s="660"/>
    </row>
    <row r="88" spans="1:12" ht="10.5" x14ac:dyDescent="0.2">
      <c r="A88" s="63" t="s">
        <v>91</v>
      </c>
      <c r="B88" s="451">
        <v>0</v>
      </c>
      <c r="C88" s="451">
        <v>0</v>
      </c>
      <c r="D88" s="451">
        <v>0</v>
      </c>
      <c r="E88" s="451">
        <v>0</v>
      </c>
      <c r="F88" s="451">
        <v>0</v>
      </c>
      <c r="G88" s="452">
        <v>0</v>
      </c>
      <c r="H88" s="452">
        <v>0</v>
      </c>
      <c r="I88" s="452">
        <v>0</v>
      </c>
      <c r="J88" s="451">
        <v>0</v>
      </c>
      <c r="K88" s="659"/>
      <c r="L88" s="660"/>
    </row>
    <row r="89" spans="1:12" ht="10.5" x14ac:dyDescent="0.2">
      <c r="A89" s="63" t="s">
        <v>92</v>
      </c>
      <c r="B89" s="451">
        <v>0</v>
      </c>
      <c r="C89" s="451">
        <v>0</v>
      </c>
      <c r="D89" s="451">
        <v>0</v>
      </c>
      <c r="E89" s="451">
        <v>0</v>
      </c>
      <c r="F89" s="451">
        <v>0</v>
      </c>
      <c r="G89" s="452">
        <v>0</v>
      </c>
      <c r="H89" s="452">
        <v>0</v>
      </c>
      <c r="I89" s="452">
        <v>0</v>
      </c>
      <c r="J89" s="451">
        <v>0</v>
      </c>
      <c r="K89" s="659"/>
      <c r="L89" s="660"/>
    </row>
    <row r="90" spans="1:12" ht="10.5" x14ac:dyDescent="0.2">
      <c r="A90" s="63" t="s">
        <v>93</v>
      </c>
      <c r="B90" s="451">
        <v>0</v>
      </c>
      <c r="C90" s="451">
        <v>0</v>
      </c>
      <c r="D90" s="451">
        <v>0</v>
      </c>
      <c r="E90" s="451">
        <v>0</v>
      </c>
      <c r="F90" s="451">
        <v>0</v>
      </c>
      <c r="G90" s="452">
        <v>0</v>
      </c>
      <c r="H90" s="452">
        <v>0</v>
      </c>
      <c r="I90" s="452">
        <v>0</v>
      </c>
      <c r="J90" s="451">
        <v>0</v>
      </c>
      <c r="K90" s="710"/>
      <c r="L90" s="711"/>
    </row>
    <row r="91" spans="1:12" ht="10.5" x14ac:dyDescent="0.2">
      <c r="A91" s="81" t="s">
        <v>865</v>
      </c>
      <c r="B91" s="162"/>
      <c r="C91" s="162"/>
      <c r="D91" s="162"/>
      <c r="E91" s="162"/>
      <c r="F91" s="476"/>
      <c r="G91" s="162"/>
      <c r="H91" s="162"/>
      <c r="I91" s="476"/>
      <c r="J91" s="162"/>
      <c r="K91" s="162"/>
    </row>
    <row r="92" spans="1:12" ht="10.5" x14ac:dyDescent="0.2">
      <c r="D92" s="212"/>
      <c r="I92" s="212"/>
      <c r="J92" s="212"/>
    </row>
    <row r="93" spans="1:12" ht="10.5" x14ac:dyDescent="0.2">
      <c r="D93" s="212"/>
      <c r="J93" s="212"/>
    </row>
    <row r="94" spans="1:12" ht="10.5" x14ac:dyDescent="0.2">
      <c r="D94" s="212"/>
    </row>
  </sheetData>
  <customSheetViews>
    <customSheetView guid="{C779D862-DE28-46CD-A428-4AAA1056D1E1}" showPageBreaks="1" showGridLines="0" fitToPage="1" printArea="1">
      <selection activeCell="I70" sqref="I70:J70"/>
      <pageMargins left="0.19685039370078741" right="0.19685039370078741" top="0.39370078740157483" bottom="0.19685039370078741" header="0" footer="0"/>
      <printOptions horizontalCentered="1"/>
      <pageSetup paperSize="9" scale="39" orientation="portrait" r:id="rId1"/>
    </customSheetView>
    <customSheetView guid="{82EDB5A4-4824-4632-A540-7A52C92F04C7}" showPageBreaks="1" showGridLines="0" fitToPage="1">
      <selection activeCell="C138" sqref="C138"/>
      <pageMargins left="0.19685039370078741" right="0.19685039370078741" top="0.39370078740157483" bottom="0.19685039370078741" header="0" footer="0"/>
      <printOptions horizontalCentered="1"/>
      <pageSetup paperSize="9" scale="40" orientation="portrait" r:id="rId2"/>
    </customSheetView>
    <customSheetView guid="{6DBFA32C-4AA4-4E1D-9A48-697377C64CC3}" showGridLines="0" fitToPage="1">
      <selection activeCell="C138" sqref="C138"/>
      <pageMargins left="0.19685039370078741" right="0.19685039370078741" top="0.39370078740157483" bottom="0.19685039370078741" header="0" footer="0"/>
      <printOptions horizontalCentered="1"/>
      <pageSetup paperSize="9" scale="40" orientation="portrait" r:id="rId3"/>
    </customSheetView>
    <customSheetView guid="{25EF1E0D-169B-4051-B414-7E1196FC05E4}" showGridLines="0" fitToPage="1" topLeftCell="B61">
      <selection activeCell="H80" sqref="H80"/>
      <pageMargins left="0.19685039370078741" right="0.19685039370078741" top="0.19685039370078741" bottom="0.19685039370078741" header="0" footer="0"/>
      <printOptions horizontalCentered="1"/>
      <pageSetup paperSize="9" scale="40" orientation="portrait" r:id="rId4"/>
    </customSheetView>
    <customSheetView guid="{3AAF6A5F-F9AA-430B-9AD9-1261ECDF41B5}" showGridLines="0" fitToPage="1">
      <selection activeCell="C138" sqref="C138"/>
      <pageMargins left="0.19685039370078741" right="0.19685039370078741" top="0.39370078740157483" bottom="0.19685039370078741" header="0" footer="0"/>
      <printOptions horizontalCentered="1"/>
      <pageSetup paperSize="9" scale="39" orientation="portrait" r:id="rId5"/>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39370078740157483" bottom="0.19685039370078741" header="0" footer="0"/>
  <pageSetup paperSize="9" scale="40"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92D050"/>
    <pageSetUpPr fitToPage="1"/>
  </sheetPr>
  <dimension ref="A1:M190"/>
  <sheetViews>
    <sheetView showGridLines="0" zoomScaleNormal="100" workbookViewId="0"/>
  </sheetViews>
  <sheetFormatPr defaultColWidth="9.140625" defaultRowHeight="11.25" customHeight="1" x14ac:dyDescent="0.2"/>
  <cols>
    <col min="1" max="1" width="45.28515625" style="63" customWidth="1"/>
    <col min="2" max="2" width="21.140625" style="51" customWidth="1"/>
    <col min="3" max="3" width="19.7109375" style="51" customWidth="1"/>
    <col min="4" max="4" width="19.28515625" style="51" customWidth="1"/>
    <col min="5" max="5" width="19.7109375" style="51" customWidth="1"/>
    <col min="6" max="6" width="10.5703125" style="51" customWidth="1"/>
    <col min="7" max="8" width="18.7109375" style="51" customWidth="1"/>
    <col min="9" max="9" width="20.140625" style="51" bestFit="1" customWidth="1"/>
    <col min="10" max="10" width="14.85546875" style="51" customWidth="1"/>
    <col min="11" max="11" width="20.5703125" style="51" customWidth="1"/>
    <col min="12" max="12" width="16.42578125" style="51" customWidth="1"/>
    <col min="13" max="13" width="15.42578125" style="225" customWidth="1"/>
    <col min="14" max="14" width="15.42578125" style="196" customWidth="1"/>
    <col min="15" max="15" width="22" style="196" customWidth="1"/>
    <col min="16" max="16" width="13.42578125" style="196" customWidth="1"/>
    <col min="17" max="16384" width="9.140625" style="196"/>
  </cols>
  <sheetData>
    <row r="1" spans="1:13" s="28" customFormat="1" ht="10.5" x14ac:dyDescent="0.2">
      <c r="A1" s="136"/>
      <c r="M1" s="120"/>
    </row>
    <row r="2" spans="1:13" s="28" customFormat="1" ht="11.25" customHeight="1" x14ac:dyDescent="0.2">
      <c r="A2" s="136"/>
      <c r="M2" s="120"/>
    </row>
    <row r="3" spans="1:13" s="51" customFormat="1" ht="10.5" x14ac:dyDescent="0.2">
      <c r="A3" s="681" t="s">
        <v>641</v>
      </c>
      <c r="B3" s="681"/>
      <c r="C3" s="681"/>
      <c r="D3" s="681"/>
      <c r="E3" s="681"/>
      <c r="F3" s="681"/>
      <c r="G3" s="681"/>
      <c r="H3" s="681"/>
      <c r="I3" s="681"/>
      <c r="J3" s="681"/>
      <c r="K3" s="681"/>
      <c r="L3" s="681"/>
      <c r="M3" s="63"/>
    </row>
    <row r="4" spans="1:13" s="51" customFormat="1" ht="10.5" x14ac:dyDescent="0.2">
      <c r="A4" s="681" t="s">
        <v>105</v>
      </c>
      <c r="B4" s="681"/>
      <c r="C4" s="681"/>
      <c r="D4" s="681"/>
      <c r="E4" s="681"/>
      <c r="F4" s="681"/>
      <c r="G4" s="681"/>
      <c r="H4" s="681"/>
      <c r="I4" s="681"/>
      <c r="J4" s="681"/>
      <c r="K4" s="681"/>
      <c r="L4" s="681"/>
      <c r="M4" s="63"/>
    </row>
    <row r="5" spans="1:13" s="51" customFormat="1" ht="10.5" x14ac:dyDescent="0.2">
      <c r="A5" s="681" t="s">
        <v>168</v>
      </c>
      <c r="B5" s="681"/>
      <c r="C5" s="681"/>
      <c r="D5" s="681"/>
      <c r="E5" s="681"/>
      <c r="F5" s="681"/>
      <c r="G5" s="681"/>
      <c r="H5" s="681"/>
      <c r="I5" s="681"/>
      <c r="J5" s="681"/>
      <c r="K5" s="681"/>
      <c r="L5" s="681"/>
      <c r="M5" s="63"/>
    </row>
    <row r="6" spans="1:13" s="51" customFormat="1" ht="10.5" x14ac:dyDescent="0.2">
      <c r="A6" s="681" t="s">
        <v>107</v>
      </c>
      <c r="B6" s="681"/>
      <c r="C6" s="681"/>
      <c r="D6" s="681"/>
      <c r="E6" s="681"/>
      <c r="F6" s="681"/>
      <c r="G6" s="681"/>
      <c r="H6" s="681"/>
      <c r="I6" s="681"/>
      <c r="J6" s="681"/>
      <c r="K6" s="681"/>
      <c r="L6" s="681"/>
      <c r="M6" s="63"/>
    </row>
    <row r="7" spans="1:13" s="51" customFormat="1" ht="10.5" x14ac:dyDescent="0.2">
      <c r="A7" s="681" t="s">
        <v>872</v>
      </c>
      <c r="B7" s="681"/>
      <c r="C7" s="681"/>
      <c r="D7" s="681"/>
      <c r="E7" s="681"/>
      <c r="F7" s="681"/>
      <c r="G7" s="681"/>
      <c r="H7" s="681"/>
      <c r="I7" s="681"/>
      <c r="J7" s="681"/>
      <c r="K7" s="681"/>
      <c r="L7" s="681"/>
      <c r="M7" s="63"/>
    </row>
    <row r="8" spans="1:13" s="28" customFormat="1" ht="10.5" x14ac:dyDescent="0.2">
      <c r="A8" s="33"/>
      <c r="B8" s="52"/>
      <c r="C8" s="52"/>
      <c r="D8" s="52"/>
      <c r="E8" s="52"/>
      <c r="F8" s="52"/>
      <c r="G8" s="52"/>
      <c r="H8" s="52"/>
      <c r="I8" s="52"/>
      <c r="J8" s="52"/>
      <c r="K8" s="52"/>
      <c r="L8" s="52"/>
      <c r="M8" s="120"/>
    </row>
    <row r="9" spans="1:13" s="28" customFormat="1" ht="10.5" x14ac:dyDescent="0.2">
      <c r="A9" s="120" t="s">
        <v>364</v>
      </c>
      <c r="B9" s="120"/>
      <c r="L9" s="234">
        <v>1</v>
      </c>
      <c r="M9" s="120"/>
    </row>
    <row r="10" spans="1:13" ht="20.100000000000001" customHeight="1" x14ac:dyDescent="0.2">
      <c r="A10" s="117"/>
      <c r="B10" s="192" t="s">
        <v>157</v>
      </c>
      <c r="C10" s="192" t="s">
        <v>157</v>
      </c>
      <c r="D10" s="690" t="s">
        <v>158</v>
      </c>
      <c r="E10" s="691"/>
      <c r="F10" s="692"/>
      <c r="G10" s="667" t="s">
        <v>161</v>
      </c>
      <c r="H10" s="739" t="s">
        <v>159</v>
      </c>
      <c r="I10" s="740"/>
      <c r="J10" s="741"/>
      <c r="K10" s="667" t="s">
        <v>161</v>
      </c>
      <c r="L10" s="714" t="s">
        <v>735</v>
      </c>
    </row>
    <row r="11" spans="1:13" ht="20.100000000000001" customHeight="1" x14ac:dyDescent="0.15">
      <c r="A11" s="472" t="s">
        <v>169</v>
      </c>
      <c r="B11" s="194" t="s">
        <v>111</v>
      </c>
      <c r="C11" s="194" t="s">
        <v>112</v>
      </c>
      <c r="D11" s="742" t="s">
        <v>113</v>
      </c>
      <c r="E11" s="208" t="s">
        <v>115</v>
      </c>
      <c r="F11" s="208" t="s">
        <v>114</v>
      </c>
      <c r="G11" s="668"/>
      <c r="H11" s="742" t="s">
        <v>113</v>
      </c>
      <c r="I11" s="208" t="s">
        <v>115</v>
      </c>
      <c r="J11" s="208" t="s">
        <v>114</v>
      </c>
      <c r="K11" s="668"/>
      <c r="L11" s="716"/>
    </row>
    <row r="12" spans="1:13" s="21" customFormat="1" ht="20.100000000000001" customHeight="1" x14ac:dyDescent="0.2">
      <c r="A12" s="56"/>
      <c r="B12" s="118"/>
      <c r="C12" s="421" t="s">
        <v>116</v>
      </c>
      <c r="D12" s="743"/>
      <c r="E12" s="421" t="s">
        <v>117</v>
      </c>
      <c r="F12" s="421" t="s">
        <v>59</v>
      </c>
      <c r="G12" s="422" t="s">
        <v>280</v>
      </c>
      <c r="H12" s="743"/>
      <c r="I12" s="421" t="s">
        <v>162</v>
      </c>
      <c r="J12" s="421" t="s">
        <v>545</v>
      </c>
      <c r="K12" s="422" t="s">
        <v>544</v>
      </c>
      <c r="L12" s="718"/>
      <c r="M12" s="426"/>
    </row>
    <row r="13" spans="1:13" s="21" customFormat="1" ht="15" customHeight="1" x14ac:dyDescent="0.2">
      <c r="A13" s="150" t="s">
        <v>220</v>
      </c>
      <c r="B13" s="449">
        <v>12125839700</v>
      </c>
      <c r="C13" s="449">
        <v>13314492461.189999</v>
      </c>
      <c r="D13" s="449">
        <v>1284384200.4300001</v>
      </c>
      <c r="E13" s="449">
        <v>10947481810.360003</v>
      </c>
      <c r="F13" s="449">
        <v>85.975015067680488</v>
      </c>
      <c r="G13" s="449">
        <v>2367010650.8299994</v>
      </c>
      <c r="H13" s="449">
        <v>2041055784.0599999</v>
      </c>
      <c r="I13" s="449">
        <v>9426877788.3300037</v>
      </c>
      <c r="J13" s="449">
        <v>85.635734131623437</v>
      </c>
      <c r="K13" s="449">
        <v>3887614672.8599973</v>
      </c>
      <c r="L13" s="450"/>
      <c r="M13" s="426"/>
    </row>
    <row r="14" spans="1:13" s="21" customFormat="1" ht="10.5" x14ac:dyDescent="0.2">
      <c r="A14" s="150"/>
      <c r="B14" s="451"/>
      <c r="C14" s="451"/>
      <c r="D14" s="522"/>
      <c r="E14" s="522"/>
      <c r="F14" s="528"/>
      <c r="G14" s="522"/>
      <c r="H14" s="522"/>
      <c r="I14" s="522"/>
      <c r="J14" s="518"/>
      <c r="K14" s="528"/>
      <c r="L14" s="518"/>
      <c r="M14" s="426"/>
    </row>
    <row r="15" spans="1:13" s="193" customFormat="1" ht="10.5" x14ac:dyDescent="0.2">
      <c r="A15" s="150" t="s">
        <v>642</v>
      </c>
      <c r="B15" s="449">
        <v>336717000</v>
      </c>
      <c r="C15" s="449">
        <v>336207000</v>
      </c>
      <c r="D15" s="449">
        <v>33554687.960000001</v>
      </c>
      <c r="E15" s="449">
        <v>305409024.05000001</v>
      </c>
      <c r="F15" s="449">
        <v>2.398500942897742</v>
      </c>
      <c r="G15" s="449">
        <v>30797975.949999988</v>
      </c>
      <c r="H15" s="449">
        <v>55402428.640000001</v>
      </c>
      <c r="I15" s="449">
        <v>270349765.83999997</v>
      </c>
      <c r="J15" s="449">
        <v>2.4559139505002809</v>
      </c>
      <c r="K15" s="449">
        <v>65857234.160000026</v>
      </c>
      <c r="L15" s="450"/>
      <c r="M15" s="427"/>
    </row>
    <row r="16" spans="1:13" s="283" customFormat="1" ht="10.5" customHeight="1" x14ac:dyDescent="0.2">
      <c r="A16" s="474" t="s">
        <v>643</v>
      </c>
      <c r="B16" s="462">
        <v>191424000</v>
      </c>
      <c r="C16" s="451">
        <v>192424000</v>
      </c>
      <c r="D16" s="451">
        <v>26938344.630000003</v>
      </c>
      <c r="E16" s="451">
        <v>166204549.30000001</v>
      </c>
      <c r="F16" s="451">
        <v>1.3052717399230505</v>
      </c>
      <c r="G16" s="451">
        <v>26219450.699999988</v>
      </c>
      <c r="H16" s="451">
        <v>31093839.390000001</v>
      </c>
      <c r="I16" s="451">
        <v>150860319.42999989</v>
      </c>
      <c r="J16" s="451">
        <v>1.3704467688880366</v>
      </c>
      <c r="K16" s="451">
        <v>41563680.570000112</v>
      </c>
      <c r="L16" s="452"/>
      <c r="M16" s="225"/>
    </row>
    <row r="17" spans="1:13" s="283" customFormat="1" ht="10.5" customHeight="1" x14ac:dyDescent="0.2">
      <c r="A17" s="474" t="s">
        <v>644</v>
      </c>
      <c r="B17" s="462">
        <v>145293000</v>
      </c>
      <c r="C17" s="451">
        <v>143783000</v>
      </c>
      <c r="D17" s="451">
        <v>6616343.3299999982</v>
      </c>
      <c r="E17" s="451">
        <v>139204474.75</v>
      </c>
      <c r="F17" s="451">
        <v>1.0932292029746915</v>
      </c>
      <c r="G17" s="451">
        <v>4578525.25</v>
      </c>
      <c r="H17" s="451">
        <v>24308589.25</v>
      </c>
      <c r="I17" s="451">
        <v>119489446.41000009</v>
      </c>
      <c r="J17" s="451">
        <v>1.0854671816122441</v>
      </c>
      <c r="K17" s="451">
        <v>24293553.589999914</v>
      </c>
      <c r="L17" s="452"/>
      <c r="M17" s="225"/>
    </row>
    <row r="18" spans="1:13" ht="10.5" x14ac:dyDescent="0.2">
      <c r="A18" s="474"/>
      <c r="B18" s="462"/>
      <c r="C18" s="449"/>
      <c r="D18" s="449"/>
      <c r="E18" s="449"/>
      <c r="F18" s="449"/>
      <c r="G18" s="449"/>
      <c r="H18" s="449"/>
      <c r="I18" s="449"/>
      <c r="J18" s="449"/>
      <c r="K18" s="449"/>
      <c r="L18" s="450"/>
    </row>
    <row r="19" spans="1:13" s="73" customFormat="1" ht="10.5" x14ac:dyDescent="0.2">
      <c r="A19" s="150" t="s">
        <v>645</v>
      </c>
      <c r="B19" s="449">
        <v>576015000</v>
      </c>
      <c r="C19" s="449">
        <v>642937500</v>
      </c>
      <c r="D19" s="449">
        <v>10902616.069999997</v>
      </c>
      <c r="E19" s="449">
        <v>589847851.9199996</v>
      </c>
      <c r="F19" s="449">
        <v>4.6323144294672538</v>
      </c>
      <c r="G19" s="449">
        <v>53089648.080000386</v>
      </c>
      <c r="H19" s="449">
        <v>97488153.400000066</v>
      </c>
      <c r="I19" s="449">
        <v>515455421.98000038</v>
      </c>
      <c r="J19" s="449">
        <v>4.6825051161719626</v>
      </c>
      <c r="K19" s="449">
        <v>127482078.01999965</v>
      </c>
      <c r="L19" s="450"/>
      <c r="M19" s="738"/>
    </row>
    <row r="20" spans="1:13" s="283" customFormat="1" ht="10.5" x14ac:dyDescent="0.2">
      <c r="A20" s="474" t="s">
        <v>646</v>
      </c>
      <c r="B20" s="451">
        <v>564705000</v>
      </c>
      <c r="C20" s="451">
        <v>632041500</v>
      </c>
      <c r="D20" s="451">
        <v>10280172.389999997</v>
      </c>
      <c r="E20" s="451">
        <v>583957053.64999962</v>
      </c>
      <c r="F20" s="451">
        <v>4.586051601284737</v>
      </c>
      <c r="G20" s="451">
        <v>48084446.350000381</v>
      </c>
      <c r="H20" s="451">
        <v>96388174.560000062</v>
      </c>
      <c r="I20" s="451">
        <v>511439955.51000035</v>
      </c>
      <c r="J20" s="451">
        <v>4.6460277769340381</v>
      </c>
      <c r="K20" s="451">
        <v>120601544.48999965</v>
      </c>
      <c r="L20" s="452"/>
      <c r="M20" s="738"/>
    </row>
    <row r="21" spans="1:13" s="283" customFormat="1" ht="10.5" x14ac:dyDescent="0.2">
      <c r="A21" s="474" t="s">
        <v>654</v>
      </c>
      <c r="B21" s="451">
        <v>0</v>
      </c>
      <c r="C21" s="451">
        <v>0</v>
      </c>
      <c r="D21" s="451">
        <v>0</v>
      </c>
      <c r="E21" s="451">
        <v>0</v>
      </c>
      <c r="F21" s="451">
        <v>0</v>
      </c>
      <c r="G21" s="451">
        <v>0</v>
      </c>
      <c r="H21" s="451">
        <v>0</v>
      </c>
      <c r="I21" s="451">
        <v>0</v>
      </c>
      <c r="J21" s="451">
        <v>0</v>
      </c>
      <c r="K21" s="451">
        <v>0</v>
      </c>
      <c r="L21" s="452"/>
      <c r="M21" s="738"/>
    </row>
    <row r="22" spans="1:13" s="283" customFormat="1" ht="10.5" x14ac:dyDescent="0.2">
      <c r="A22" s="474" t="s">
        <v>813</v>
      </c>
      <c r="B22" s="451">
        <v>9229000</v>
      </c>
      <c r="C22" s="451">
        <v>8715000</v>
      </c>
      <c r="D22" s="451">
        <v>441872.78</v>
      </c>
      <c r="E22" s="451">
        <v>4417243.05</v>
      </c>
      <c r="F22" s="451">
        <v>3.4690401350743902E-2</v>
      </c>
      <c r="G22" s="451">
        <v>4297756.95</v>
      </c>
      <c r="H22" s="451">
        <v>807847.72000000009</v>
      </c>
      <c r="I22" s="451">
        <v>3162613.7399999998</v>
      </c>
      <c r="J22" s="451">
        <v>2.87298462418741E-2</v>
      </c>
      <c r="K22" s="451">
        <v>5552386.2599999998</v>
      </c>
      <c r="L22" s="452"/>
      <c r="M22" s="436"/>
    </row>
    <row r="23" spans="1:13" s="283" customFormat="1" ht="10.5" x14ac:dyDescent="0.2">
      <c r="A23" s="474" t="s">
        <v>751</v>
      </c>
      <c r="B23" s="451">
        <v>2081000</v>
      </c>
      <c r="C23" s="451">
        <v>2181000</v>
      </c>
      <c r="D23" s="451">
        <v>180570.9</v>
      </c>
      <c r="E23" s="451">
        <v>1473555.22</v>
      </c>
      <c r="F23" s="451">
        <v>1.157242683177321E-2</v>
      </c>
      <c r="G23" s="451">
        <v>707444.78</v>
      </c>
      <c r="H23" s="451">
        <v>292131.12</v>
      </c>
      <c r="I23" s="451">
        <v>852852.72999999975</v>
      </c>
      <c r="J23" s="451">
        <v>7.7474929960503376E-3</v>
      </c>
      <c r="K23" s="451">
        <v>1328147.2700000003</v>
      </c>
      <c r="L23" s="452"/>
      <c r="M23" s="225"/>
    </row>
    <row r="24" spans="1:13" ht="10.5" x14ac:dyDescent="0.2">
      <c r="A24" s="474"/>
      <c r="B24" s="451"/>
      <c r="C24" s="449"/>
      <c r="D24" s="449"/>
      <c r="E24" s="449"/>
      <c r="F24" s="449"/>
      <c r="G24" s="449"/>
      <c r="H24" s="449"/>
      <c r="I24" s="449"/>
      <c r="J24" s="449"/>
      <c r="K24" s="449"/>
      <c r="L24" s="450"/>
    </row>
    <row r="25" spans="1:13" s="73" customFormat="1" ht="10.5" x14ac:dyDescent="0.2">
      <c r="A25" s="168" t="s">
        <v>752</v>
      </c>
      <c r="B25" s="449">
        <v>423182600</v>
      </c>
      <c r="C25" s="449">
        <v>438425550</v>
      </c>
      <c r="D25" s="449">
        <v>51515072.039999984</v>
      </c>
      <c r="E25" s="449">
        <v>359230084.61999989</v>
      </c>
      <c r="F25" s="449">
        <v>2.8211795619282238</v>
      </c>
      <c r="G25" s="449">
        <v>79195465.380000129</v>
      </c>
      <c r="H25" s="449">
        <v>74482417.159999996</v>
      </c>
      <c r="I25" s="449">
        <v>339243392.02999985</v>
      </c>
      <c r="J25" s="449">
        <v>3.0817580940484106</v>
      </c>
      <c r="K25" s="449">
        <v>99182157.970000118</v>
      </c>
      <c r="L25" s="450"/>
      <c r="M25" s="163"/>
    </row>
    <row r="26" spans="1:13" s="73" customFormat="1" ht="10.5" x14ac:dyDescent="0.2">
      <c r="A26" s="474" t="s">
        <v>646</v>
      </c>
      <c r="B26" s="451">
        <v>3610000</v>
      </c>
      <c r="C26" s="451">
        <v>3610000</v>
      </c>
      <c r="D26" s="451">
        <v>1086696.1000000001</v>
      </c>
      <c r="E26" s="451">
        <v>1387473.35</v>
      </c>
      <c r="F26" s="522">
        <v>1.0896390990973696E-2</v>
      </c>
      <c r="G26" s="451">
        <v>2222526.65</v>
      </c>
      <c r="H26" s="451">
        <v>1238055.95</v>
      </c>
      <c r="I26" s="451">
        <v>1291397.45</v>
      </c>
      <c r="J26" s="522">
        <v>1.1731325171454008E-2</v>
      </c>
      <c r="K26" s="451">
        <v>2318602.5499999998</v>
      </c>
      <c r="L26" s="452"/>
      <c r="M26" s="163"/>
    </row>
    <row r="27" spans="1:13" s="283" customFormat="1" ht="10.5" x14ac:dyDescent="0.2">
      <c r="A27" s="474" t="s">
        <v>647</v>
      </c>
      <c r="B27" s="529">
        <v>253315600</v>
      </c>
      <c r="C27" s="451">
        <v>258315600</v>
      </c>
      <c r="D27" s="451">
        <v>42996037.169999987</v>
      </c>
      <c r="E27" s="451">
        <v>204814507.90999988</v>
      </c>
      <c r="F27" s="451">
        <v>1.6084914054826589</v>
      </c>
      <c r="G27" s="451">
        <v>53501092.090000123</v>
      </c>
      <c r="H27" s="451">
        <v>45175873.859999985</v>
      </c>
      <c r="I27" s="451">
        <v>200272256.41999978</v>
      </c>
      <c r="J27" s="451">
        <v>1.8193151634950457</v>
      </c>
      <c r="K27" s="451">
        <v>58043343.580000222</v>
      </c>
      <c r="L27" s="452"/>
      <c r="M27" s="225"/>
    </row>
    <row r="28" spans="1:13" s="283" customFormat="1" ht="10.5" x14ac:dyDescent="0.2">
      <c r="A28" s="474" t="s">
        <v>648</v>
      </c>
      <c r="B28" s="451">
        <v>43485000</v>
      </c>
      <c r="C28" s="451">
        <v>49653500</v>
      </c>
      <c r="D28" s="451">
        <v>861547.33000000019</v>
      </c>
      <c r="E28" s="451">
        <v>38494919.049999997</v>
      </c>
      <c r="F28" s="451">
        <v>0.302316213233704</v>
      </c>
      <c r="G28" s="451">
        <v>11158580.950000003</v>
      </c>
      <c r="H28" s="451">
        <v>7436800.7300000004</v>
      </c>
      <c r="I28" s="451">
        <v>34484454.610000037</v>
      </c>
      <c r="J28" s="451">
        <v>0.3132640151876997</v>
      </c>
      <c r="K28" s="451">
        <v>15169045.389999963</v>
      </c>
      <c r="L28" s="452"/>
      <c r="M28" s="225"/>
    </row>
    <row r="29" spans="1:13" s="283" customFormat="1" ht="10.5" x14ac:dyDescent="0.2">
      <c r="A29" s="474" t="s">
        <v>651</v>
      </c>
      <c r="B29" s="451">
        <v>358000</v>
      </c>
      <c r="C29" s="451">
        <v>358000</v>
      </c>
      <c r="D29" s="451">
        <v>33178.5</v>
      </c>
      <c r="E29" s="451">
        <v>225826.54</v>
      </c>
      <c r="F29" s="451">
        <v>1.7735074161811908E-3</v>
      </c>
      <c r="G29" s="451">
        <v>132173.46</v>
      </c>
      <c r="H29" s="451">
        <v>38750.910000000003</v>
      </c>
      <c r="I29" s="451">
        <v>103886.61</v>
      </c>
      <c r="J29" s="451">
        <v>9.4372774459948461E-4</v>
      </c>
      <c r="K29" s="451">
        <v>254113.39</v>
      </c>
      <c r="L29" s="452"/>
      <c r="M29" s="225"/>
    </row>
    <row r="30" spans="1:13" s="283" customFormat="1" ht="10.5" x14ac:dyDescent="0.2">
      <c r="A30" s="474" t="s">
        <v>655</v>
      </c>
      <c r="B30" s="451">
        <v>12525000</v>
      </c>
      <c r="C30" s="451">
        <v>23675000</v>
      </c>
      <c r="D30" s="451">
        <v>3000117.3600000003</v>
      </c>
      <c r="E30" s="451">
        <v>13383948.850000003</v>
      </c>
      <c r="F30" s="451">
        <v>0.10510957898599838</v>
      </c>
      <c r="G30" s="451">
        <v>10291051.149999997</v>
      </c>
      <c r="H30" s="451">
        <v>1829752.76</v>
      </c>
      <c r="I30" s="451">
        <v>10084498.109999996</v>
      </c>
      <c r="J30" s="451">
        <v>9.1609695000809649E-2</v>
      </c>
      <c r="K30" s="451">
        <v>13590501.890000004</v>
      </c>
      <c r="L30" s="452"/>
      <c r="M30" s="225"/>
    </row>
    <row r="31" spans="1:13" s="283" customFormat="1" ht="10.5" x14ac:dyDescent="0.2">
      <c r="A31" s="474" t="s">
        <v>687</v>
      </c>
      <c r="B31" s="451">
        <v>109889000</v>
      </c>
      <c r="C31" s="451">
        <v>102813450</v>
      </c>
      <c r="D31" s="451">
        <v>3537495.58</v>
      </c>
      <c r="E31" s="451">
        <v>100923408.91999999</v>
      </c>
      <c r="F31" s="451">
        <v>0.79259246581870713</v>
      </c>
      <c r="G31" s="451">
        <v>1890041.0800000131</v>
      </c>
      <c r="H31" s="451">
        <v>18763182.950000007</v>
      </c>
      <c r="I31" s="451">
        <v>93006898.830000073</v>
      </c>
      <c r="J31" s="451">
        <v>0.84489416744880219</v>
      </c>
      <c r="K31" s="451">
        <v>9806551.1699999273</v>
      </c>
      <c r="L31" s="452"/>
      <c r="M31" s="225"/>
    </row>
    <row r="32" spans="1:13" s="283" customFormat="1" ht="10.5" x14ac:dyDescent="0.2">
      <c r="A32" s="474"/>
      <c r="B32" s="451"/>
      <c r="C32" s="451"/>
      <c r="D32" s="451"/>
      <c r="E32" s="451"/>
      <c r="F32" s="451"/>
      <c r="G32" s="451"/>
      <c r="H32" s="451"/>
      <c r="I32" s="451"/>
      <c r="J32" s="451"/>
      <c r="K32" s="451"/>
      <c r="L32" s="452"/>
      <c r="M32" s="225"/>
    </row>
    <row r="33" spans="1:13" s="73" customFormat="1" ht="10.5" x14ac:dyDescent="0.2">
      <c r="A33" s="150" t="s">
        <v>649</v>
      </c>
      <c r="B33" s="449">
        <v>778172500</v>
      </c>
      <c r="C33" s="449">
        <v>771076051.33999991</v>
      </c>
      <c r="D33" s="449">
        <v>98803660.029999971</v>
      </c>
      <c r="E33" s="449">
        <v>569745157.96999967</v>
      </c>
      <c r="F33" s="449">
        <v>4.4744398200190219</v>
      </c>
      <c r="G33" s="449">
        <v>201330893.37000009</v>
      </c>
      <c r="H33" s="449">
        <v>114766681.40000005</v>
      </c>
      <c r="I33" s="449">
        <v>535455047.85999995</v>
      </c>
      <c r="J33" s="449">
        <v>4.86418591049729</v>
      </c>
      <c r="K33" s="449">
        <v>235621003.47999987</v>
      </c>
      <c r="L33" s="450"/>
      <c r="M33" s="163"/>
    </row>
    <row r="34" spans="1:13" s="283" customFormat="1" ht="10.5" x14ac:dyDescent="0.2">
      <c r="A34" s="474" t="s">
        <v>650</v>
      </c>
      <c r="B34" s="451">
        <v>66000</v>
      </c>
      <c r="C34" s="451">
        <v>0</v>
      </c>
      <c r="D34" s="451">
        <v>0</v>
      </c>
      <c r="E34" s="451">
        <v>0</v>
      </c>
      <c r="F34" s="451">
        <v>0</v>
      </c>
      <c r="G34" s="451">
        <v>0</v>
      </c>
      <c r="H34" s="451">
        <v>0</v>
      </c>
      <c r="I34" s="451">
        <v>0</v>
      </c>
      <c r="J34" s="451">
        <v>0</v>
      </c>
      <c r="K34" s="451">
        <v>0</v>
      </c>
      <c r="L34" s="452"/>
      <c r="M34" s="225"/>
    </row>
    <row r="35" spans="1:13" s="283" customFormat="1" ht="10.5" x14ac:dyDescent="0.2">
      <c r="A35" s="474" t="s">
        <v>651</v>
      </c>
      <c r="B35" s="451">
        <v>370742100</v>
      </c>
      <c r="C35" s="451">
        <v>373066251.33999985</v>
      </c>
      <c r="D35" s="451">
        <v>24625712.350000016</v>
      </c>
      <c r="E35" s="451">
        <v>188306393.44999966</v>
      </c>
      <c r="F35" s="451">
        <v>1.4788464867677094</v>
      </c>
      <c r="G35" s="451">
        <v>184759857.89000019</v>
      </c>
      <c r="H35" s="451">
        <v>37603049.300000042</v>
      </c>
      <c r="I35" s="451">
        <v>160297333.79999956</v>
      </c>
      <c r="J35" s="451">
        <v>1.456174585852636</v>
      </c>
      <c r="K35" s="451">
        <v>212768917.54000029</v>
      </c>
      <c r="L35" s="452"/>
      <c r="M35" s="225"/>
    </row>
    <row r="36" spans="1:13" s="283" customFormat="1" ht="10.5" x14ac:dyDescent="0.2">
      <c r="A36" s="474" t="s">
        <v>652</v>
      </c>
      <c r="B36" s="451">
        <v>404969700</v>
      </c>
      <c r="C36" s="451">
        <v>394608200</v>
      </c>
      <c r="D36" s="451">
        <v>74177947.679999962</v>
      </c>
      <c r="E36" s="451">
        <v>381417863.72000009</v>
      </c>
      <c r="F36" s="451">
        <v>2.9954291907913344</v>
      </c>
      <c r="G36" s="451">
        <v>13190336.279999912</v>
      </c>
      <c r="H36" s="451">
        <v>77163632.100000009</v>
      </c>
      <c r="I36" s="451">
        <v>375148816.86000043</v>
      </c>
      <c r="J36" s="451">
        <v>3.4079305006145963</v>
      </c>
      <c r="K36" s="451">
        <v>19459383.139999568</v>
      </c>
      <c r="L36" s="452"/>
      <c r="M36" s="225"/>
    </row>
    <row r="37" spans="1:13" s="283" customFormat="1" ht="10.5" x14ac:dyDescent="0.2">
      <c r="A37" s="474" t="s">
        <v>653</v>
      </c>
      <c r="B37" s="451">
        <v>0</v>
      </c>
      <c r="C37" s="451">
        <v>1003400</v>
      </c>
      <c r="D37" s="451">
        <v>0</v>
      </c>
      <c r="E37" s="451">
        <v>0</v>
      </c>
      <c r="F37" s="451">
        <v>0</v>
      </c>
      <c r="G37" s="451">
        <v>1003400</v>
      </c>
      <c r="H37" s="451">
        <v>0</v>
      </c>
      <c r="I37" s="451">
        <v>0</v>
      </c>
      <c r="J37" s="451">
        <v>0</v>
      </c>
      <c r="K37" s="451">
        <v>1003400</v>
      </c>
      <c r="L37" s="452"/>
      <c r="M37" s="225"/>
    </row>
    <row r="38" spans="1:13" s="283" customFormat="1" ht="10.5" x14ac:dyDescent="0.2">
      <c r="A38" s="474" t="s">
        <v>654</v>
      </c>
      <c r="B38" s="451">
        <v>0</v>
      </c>
      <c r="C38" s="451">
        <v>0</v>
      </c>
      <c r="D38" s="451">
        <v>0</v>
      </c>
      <c r="E38" s="451">
        <v>0</v>
      </c>
      <c r="F38" s="451">
        <v>0</v>
      </c>
      <c r="G38" s="451">
        <v>0</v>
      </c>
      <c r="H38" s="451">
        <v>0</v>
      </c>
      <c r="I38" s="451">
        <v>0</v>
      </c>
      <c r="J38" s="451">
        <v>0</v>
      </c>
      <c r="K38" s="451">
        <v>0</v>
      </c>
      <c r="L38" s="452"/>
      <c r="M38" s="225"/>
    </row>
    <row r="39" spans="1:13" s="283" customFormat="1" ht="10.5" x14ac:dyDescent="0.2">
      <c r="A39" s="474" t="s">
        <v>753</v>
      </c>
      <c r="B39" s="451">
        <v>2394700</v>
      </c>
      <c r="C39" s="451">
        <v>2398200</v>
      </c>
      <c r="D39" s="451">
        <v>0</v>
      </c>
      <c r="E39" s="451">
        <v>20900.8</v>
      </c>
      <c r="F39" s="451">
        <v>1.6414245997888391E-4</v>
      </c>
      <c r="G39" s="451">
        <v>2377299.2000000002</v>
      </c>
      <c r="H39" s="451">
        <v>0</v>
      </c>
      <c r="I39" s="451">
        <v>8897.2000000000007</v>
      </c>
      <c r="J39" s="451">
        <v>8.0824030057873058E-5</v>
      </c>
      <c r="K39" s="451">
        <v>2389302.7999999998</v>
      </c>
      <c r="L39" s="452"/>
      <c r="M39" s="225"/>
    </row>
    <row r="40" spans="1:13" ht="10.5" x14ac:dyDescent="0.2">
      <c r="A40" s="474"/>
      <c r="B40" s="451"/>
      <c r="C40" s="449"/>
      <c r="D40" s="449"/>
      <c r="E40" s="449"/>
      <c r="F40" s="449"/>
      <c r="G40" s="449"/>
      <c r="H40" s="449"/>
      <c r="I40" s="449"/>
      <c r="J40" s="449"/>
      <c r="K40" s="449"/>
      <c r="L40" s="450"/>
    </row>
    <row r="41" spans="1:13" s="73" customFormat="1" ht="10.5" x14ac:dyDescent="0.2">
      <c r="A41" s="150" t="s">
        <v>658</v>
      </c>
      <c r="B41" s="449">
        <v>889668600</v>
      </c>
      <c r="C41" s="449">
        <v>1103479139.1500001</v>
      </c>
      <c r="D41" s="449">
        <v>163237040.17999989</v>
      </c>
      <c r="E41" s="449">
        <v>1016323153.7200012</v>
      </c>
      <c r="F41" s="449">
        <v>7.9815979572599325</v>
      </c>
      <c r="G41" s="449">
        <v>87155985.429999039</v>
      </c>
      <c r="H41" s="449">
        <v>181022360.81000009</v>
      </c>
      <c r="I41" s="449">
        <v>895508285.27000248</v>
      </c>
      <c r="J41" s="449">
        <v>8.1349850026679213</v>
      </c>
      <c r="K41" s="449">
        <v>207970853.87999773</v>
      </c>
      <c r="L41" s="450"/>
      <c r="M41" s="163"/>
    </row>
    <row r="42" spans="1:13" s="283" customFormat="1" ht="10.5" x14ac:dyDescent="0.2">
      <c r="A42" s="474" t="s">
        <v>659</v>
      </c>
      <c r="B42" s="451">
        <v>845140500</v>
      </c>
      <c r="C42" s="451">
        <v>1030801240.1500002</v>
      </c>
      <c r="D42" s="451">
        <v>162871518.93999988</v>
      </c>
      <c r="E42" s="451">
        <v>957729851.14000118</v>
      </c>
      <c r="F42" s="451">
        <v>7.5214409860546061</v>
      </c>
      <c r="G42" s="451">
        <v>73071389.009999037</v>
      </c>
      <c r="H42" s="451">
        <v>177967693.28000009</v>
      </c>
      <c r="I42" s="451">
        <v>883916385.39000249</v>
      </c>
      <c r="J42" s="451">
        <v>8.0296817539684451</v>
      </c>
      <c r="K42" s="451">
        <v>146884854.75999773</v>
      </c>
      <c r="L42" s="452"/>
      <c r="M42" s="225"/>
    </row>
    <row r="43" spans="1:13" s="283" customFormat="1" ht="10.5" x14ac:dyDescent="0.2">
      <c r="A43" s="474" t="s">
        <v>660</v>
      </c>
      <c r="B43" s="451">
        <v>40500100</v>
      </c>
      <c r="C43" s="451">
        <v>68549899</v>
      </c>
      <c r="D43" s="451">
        <v>358449.72000000003</v>
      </c>
      <c r="E43" s="451">
        <v>58562477.589999996</v>
      </c>
      <c r="F43" s="451">
        <v>0.45991489005592423</v>
      </c>
      <c r="G43" s="451">
        <v>9987421.4100000039</v>
      </c>
      <c r="H43" s="451">
        <v>3047596.01</v>
      </c>
      <c r="I43" s="451">
        <v>11561074.889999997</v>
      </c>
      <c r="J43" s="451">
        <v>0.10502322802799545</v>
      </c>
      <c r="K43" s="451">
        <v>56988824.109999999</v>
      </c>
      <c r="L43" s="452"/>
      <c r="M43" s="225"/>
    </row>
    <row r="44" spans="1:13" s="283" customFormat="1" ht="10.5" x14ac:dyDescent="0.2">
      <c r="A44" s="474" t="s">
        <v>686</v>
      </c>
      <c r="B44" s="451">
        <v>4028000</v>
      </c>
      <c r="C44" s="451">
        <v>4128000</v>
      </c>
      <c r="D44" s="451">
        <v>7071.52</v>
      </c>
      <c r="E44" s="451">
        <v>30824.99</v>
      </c>
      <c r="F44" s="451">
        <v>2.4208114940215195E-4</v>
      </c>
      <c r="G44" s="451">
        <v>4097175.01</v>
      </c>
      <c r="H44" s="451">
        <v>7071.52</v>
      </c>
      <c r="I44" s="451">
        <v>30824.99</v>
      </c>
      <c r="J44" s="451">
        <v>2.8002067148020008E-4</v>
      </c>
      <c r="K44" s="451">
        <v>4097175.01</v>
      </c>
      <c r="L44" s="452"/>
      <c r="M44" s="225"/>
    </row>
    <row r="45" spans="1:13" ht="10.5" x14ac:dyDescent="0.2">
      <c r="A45" s="474"/>
      <c r="B45" s="451"/>
      <c r="C45" s="449"/>
      <c r="D45" s="449"/>
      <c r="E45" s="449"/>
      <c r="F45" s="449"/>
      <c r="G45" s="449"/>
      <c r="H45" s="449"/>
      <c r="I45" s="449"/>
      <c r="J45" s="449"/>
      <c r="K45" s="449"/>
      <c r="L45" s="450"/>
    </row>
    <row r="46" spans="1:13" s="73" customFormat="1" ht="10.5" x14ac:dyDescent="0.2">
      <c r="A46" s="150" t="s">
        <v>661</v>
      </c>
      <c r="B46" s="449">
        <v>240052900</v>
      </c>
      <c r="C46" s="449">
        <v>222200320.99999997</v>
      </c>
      <c r="D46" s="449">
        <v>24066084.289999999</v>
      </c>
      <c r="E46" s="449">
        <v>144649103.24000034</v>
      </c>
      <c r="F46" s="449">
        <v>1.1359880789038317</v>
      </c>
      <c r="G46" s="449">
        <v>77551217.759999618</v>
      </c>
      <c r="H46" s="449">
        <v>26490681.019999985</v>
      </c>
      <c r="I46" s="449">
        <v>131801378.82000025</v>
      </c>
      <c r="J46" s="449">
        <v>1.1973113567658153</v>
      </c>
      <c r="K46" s="449">
        <v>90398942.179999724</v>
      </c>
      <c r="L46" s="450"/>
      <c r="M46" s="163"/>
    </row>
    <row r="47" spans="1:13" s="283" customFormat="1" ht="10.5" x14ac:dyDescent="0.2">
      <c r="A47" s="474" t="s">
        <v>754</v>
      </c>
      <c r="B47" s="451">
        <v>291200</v>
      </c>
      <c r="C47" s="451">
        <v>291500</v>
      </c>
      <c r="D47" s="451">
        <v>9499.16</v>
      </c>
      <c r="E47" s="451">
        <v>121350.16999999998</v>
      </c>
      <c r="F47" s="451">
        <v>9.5301210588378236E-4</v>
      </c>
      <c r="G47" s="451">
        <v>170149.83000000002</v>
      </c>
      <c r="H47" s="451">
        <v>7400.6100000000006</v>
      </c>
      <c r="I47" s="451">
        <v>104522.91</v>
      </c>
      <c r="J47" s="451">
        <v>9.4950802719691134E-4</v>
      </c>
      <c r="K47" s="451">
        <v>186977.09</v>
      </c>
      <c r="L47" s="452"/>
      <c r="M47" s="225"/>
    </row>
    <row r="48" spans="1:13" s="283" customFormat="1" ht="10.5" x14ac:dyDescent="0.2">
      <c r="A48" s="474" t="s">
        <v>662</v>
      </c>
      <c r="B48" s="451">
        <v>239761600</v>
      </c>
      <c r="C48" s="451">
        <v>221908620.99999997</v>
      </c>
      <c r="D48" s="451">
        <v>24056585.129999999</v>
      </c>
      <c r="E48" s="451">
        <v>144527753.07000035</v>
      </c>
      <c r="F48" s="451">
        <v>1.1350350667979479</v>
      </c>
      <c r="G48" s="451">
        <v>77380867.92999962</v>
      </c>
      <c r="H48" s="451">
        <v>26483280.409999985</v>
      </c>
      <c r="I48" s="451">
        <v>131696855.91000025</v>
      </c>
      <c r="J48" s="451">
        <v>1.1963618487386185</v>
      </c>
      <c r="K48" s="451">
        <v>90211765.08999972</v>
      </c>
      <c r="L48" s="452"/>
      <c r="M48" s="225"/>
    </row>
    <row r="49" spans="1:13" s="283" customFormat="1" ht="10.5" x14ac:dyDescent="0.2">
      <c r="A49" s="474" t="s">
        <v>688</v>
      </c>
      <c r="B49" s="451">
        <v>100</v>
      </c>
      <c r="C49" s="451">
        <v>100</v>
      </c>
      <c r="D49" s="451">
        <v>0</v>
      </c>
      <c r="E49" s="451">
        <v>0</v>
      </c>
      <c r="F49" s="451">
        <v>0</v>
      </c>
      <c r="G49" s="451">
        <v>100</v>
      </c>
      <c r="H49" s="451">
        <v>0</v>
      </c>
      <c r="I49" s="451">
        <v>0</v>
      </c>
      <c r="J49" s="451">
        <v>0</v>
      </c>
      <c r="K49" s="451">
        <v>100</v>
      </c>
      <c r="L49" s="452"/>
      <c r="M49" s="225"/>
    </row>
    <row r="50" spans="1:13" s="283" customFormat="1" ht="10.5" x14ac:dyDescent="0.2">
      <c r="A50" s="474" t="s">
        <v>687</v>
      </c>
      <c r="B50" s="451">
        <v>0</v>
      </c>
      <c r="C50" s="451">
        <v>100</v>
      </c>
      <c r="D50" s="451">
        <v>0</v>
      </c>
      <c r="E50" s="451">
        <v>0</v>
      </c>
      <c r="F50" s="451">
        <v>0</v>
      </c>
      <c r="G50" s="451">
        <v>100</v>
      </c>
      <c r="H50" s="451">
        <v>0</v>
      </c>
      <c r="I50" s="451">
        <v>0</v>
      </c>
      <c r="J50" s="451">
        <v>0</v>
      </c>
      <c r="K50" s="451">
        <v>100</v>
      </c>
      <c r="L50" s="452"/>
      <c r="M50" s="225"/>
    </row>
    <row r="51" spans="1:13" s="283" customFormat="1" ht="10.5" x14ac:dyDescent="0.2">
      <c r="A51" s="474"/>
      <c r="B51" s="451"/>
      <c r="C51" s="451"/>
      <c r="D51" s="451"/>
      <c r="E51" s="451"/>
      <c r="F51" s="451"/>
      <c r="G51" s="451"/>
      <c r="H51" s="451"/>
      <c r="I51" s="451"/>
      <c r="J51" s="451"/>
      <c r="K51" s="451"/>
      <c r="L51" s="452"/>
      <c r="M51" s="225"/>
    </row>
    <row r="52" spans="1:13" s="73" customFormat="1" ht="10.5" x14ac:dyDescent="0.2">
      <c r="A52" s="150" t="s">
        <v>663</v>
      </c>
      <c r="B52" s="449">
        <v>1547322700</v>
      </c>
      <c r="C52" s="449">
        <v>2012848860</v>
      </c>
      <c r="D52" s="449">
        <v>308704279.51999998</v>
      </c>
      <c r="E52" s="449">
        <v>1581715338.8600001</v>
      </c>
      <c r="F52" s="449">
        <v>12.421852116034525</v>
      </c>
      <c r="G52" s="449">
        <v>431133521.13999987</v>
      </c>
      <c r="H52" s="449">
        <v>307289780.17000002</v>
      </c>
      <c r="I52" s="449">
        <v>1527071323.71</v>
      </c>
      <c r="J52" s="449">
        <v>13.872236048200898</v>
      </c>
      <c r="K52" s="449">
        <v>485777536.28999996</v>
      </c>
      <c r="L52" s="450"/>
      <c r="M52" s="163"/>
    </row>
    <row r="53" spans="1:13" s="283" customFormat="1" ht="10.5" x14ac:dyDescent="0.2">
      <c r="A53" s="474" t="s">
        <v>664</v>
      </c>
      <c r="B53" s="451">
        <v>1547322700</v>
      </c>
      <c r="C53" s="451">
        <v>2012848860</v>
      </c>
      <c r="D53" s="451">
        <v>308704279.51999998</v>
      </c>
      <c r="E53" s="451">
        <v>1581715338.8600001</v>
      </c>
      <c r="F53" s="451">
        <v>12.421852116034525</v>
      </c>
      <c r="G53" s="451">
        <v>431133521.13999987</v>
      </c>
      <c r="H53" s="451">
        <v>307289780.17000002</v>
      </c>
      <c r="I53" s="451">
        <v>1527071323.71</v>
      </c>
      <c r="J53" s="451">
        <v>13.872236048200898</v>
      </c>
      <c r="K53" s="451">
        <v>485777536.28999996</v>
      </c>
      <c r="L53" s="452"/>
      <c r="M53" s="225"/>
    </row>
    <row r="54" spans="1:13" ht="10.5" x14ac:dyDescent="0.2">
      <c r="A54" s="474"/>
      <c r="B54" s="451"/>
      <c r="C54" s="449"/>
      <c r="D54" s="449"/>
      <c r="E54" s="449"/>
      <c r="F54" s="449"/>
      <c r="G54" s="449"/>
      <c r="H54" s="449"/>
      <c r="I54" s="449"/>
      <c r="J54" s="449"/>
      <c r="K54" s="449"/>
      <c r="L54" s="450"/>
    </row>
    <row r="55" spans="1:13" s="73" customFormat="1" ht="10.5" x14ac:dyDescent="0.2">
      <c r="A55" s="150" t="s">
        <v>665</v>
      </c>
      <c r="B55" s="449">
        <v>1074951200</v>
      </c>
      <c r="C55" s="449">
        <v>1094565000</v>
      </c>
      <c r="D55" s="449">
        <v>107310021.39</v>
      </c>
      <c r="E55" s="449">
        <v>826523184.02999997</v>
      </c>
      <c r="F55" s="449">
        <v>6.4910218104696469</v>
      </c>
      <c r="G55" s="449">
        <v>268041815.97000006</v>
      </c>
      <c r="H55" s="449">
        <v>134245787.82999998</v>
      </c>
      <c r="I55" s="449">
        <v>579856815.46000004</v>
      </c>
      <c r="J55" s="449">
        <v>5.2675408760061124</v>
      </c>
      <c r="K55" s="449">
        <v>514708184.54000008</v>
      </c>
      <c r="L55" s="450"/>
      <c r="M55" s="163"/>
    </row>
    <row r="56" spans="1:13" ht="10.5" x14ac:dyDescent="0.2">
      <c r="A56" s="24" t="s">
        <v>651</v>
      </c>
      <c r="B56" s="451">
        <v>333011100</v>
      </c>
      <c r="C56" s="451">
        <v>294198966.93000001</v>
      </c>
      <c r="D56" s="451">
        <v>15330327.300000001</v>
      </c>
      <c r="E56" s="451">
        <v>220514845.81</v>
      </c>
      <c r="F56" s="451">
        <v>1.7317925272294687</v>
      </c>
      <c r="G56" s="451">
        <v>73684121.120000005</v>
      </c>
      <c r="H56" s="451">
        <v>35120630.840000004</v>
      </c>
      <c r="I56" s="451">
        <v>155523706.15000001</v>
      </c>
      <c r="J56" s="451">
        <v>1.4128099515105219</v>
      </c>
      <c r="K56" s="451">
        <v>138675260.78</v>
      </c>
      <c r="L56" s="450"/>
    </row>
    <row r="57" spans="1:13" ht="10.5" x14ac:dyDescent="0.2">
      <c r="A57" s="24" t="s">
        <v>755</v>
      </c>
      <c r="B57" s="451">
        <v>2181000</v>
      </c>
      <c r="C57" s="451">
        <v>381000</v>
      </c>
      <c r="D57" s="451">
        <v>21177</v>
      </c>
      <c r="E57" s="451">
        <v>46108.9</v>
      </c>
      <c r="F57" s="451">
        <v>3.6211189394283287E-4</v>
      </c>
      <c r="G57" s="451">
        <v>334891.09999999998</v>
      </c>
      <c r="H57" s="451">
        <v>9215.9599999999991</v>
      </c>
      <c r="I57" s="451">
        <v>20325.88</v>
      </c>
      <c r="J57" s="451">
        <v>1.8464455514911665E-4</v>
      </c>
      <c r="K57" s="451">
        <v>360674.12</v>
      </c>
      <c r="L57" s="450"/>
    </row>
    <row r="58" spans="1:13" ht="10.5" x14ac:dyDescent="0.2">
      <c r="A58" s="24" t="s">
        <v>655</v>
      </c>
      <c r="B58" s="451">
        <v>4578100</v>
      </c>
      <c r="C58" s="451">
        <v>3440592</v>
      </c>
      <c r="D58" s="451">
        <v>82969.540000000008</v>
      </c>
      <c r="E58" s="451">
        <v>1335328.3499999999</v>
      </c>
      <c r="F58" s="451">
        <v>1.0486875155426782E-2</v>
      </c>
      <c r="G58" s="451">
        <v>2105263.6500000004</v>
      </c>
      <c r="H58" s="451">
        <v>159222.33000000002</v>
      </c>
      <c r="I58" s="451">
        <v>485246.69999999995</v>
      </c>
      <c r="J58" s="451">
        <v>4.4080827525832507E-3</v>
      </c>
      <c r="K58" s="451">
        <v>2955345.3</v>
      </c>
      <c r="L58" s="450"/>
    </row>
    <row r="59" spans="1:13" ht="10.5" x14ac:dyDescent="0.2">
      <c r="A59" s="474" t="s">
        <v>667</v>
      </c>
      <c r="B59" s="451">
        <v>64744900</v>
      </c>
      <c r="C59" s="451">
        <v>63017500</v>
      </c>
      <c r="D59" s="451">
        <v>32523.040000000001</v>
      </c>
      <c r="E59" s="451">
        <v>50013247.100000001</v>
      </c>
      <c r="F59" s="451">
        <v>0.39277431536236806</v>
      </c>
      <c r="G59" s="451">
        <v>13004252.899999999</v>
      </c>
      <c r="H59" s="451">
        <v>3427597.87</v>
      </c>
      <c r="I59" s="451">
        <v>24942220.25</v>
      </c>
      <c r="J59" s="451">
        <v>0.22658035777504043</v>
      </c>
      <c r="K59" s="451">
        <v>38075279.75</v>
      </c>
      <c r="L59" s="450"/>
    </row>
    <row r="60" spans="1:13" ht="10.5" x14ac:dyDescent="0.2">
      <c r="A60" s="474" t="s">
        <v>668</v>
      </c>
      <c r="B60" s="451">
        <v>547235100</v>
      </c>
      <c r="C60" s="451">
        <v>590167090.07000005</v>
      </c>
      <c r="D60" s="451">
        <v>76070566.019999996</v>
      </c>
      <c r="E60" s="451">
        <v>469683582.43000001</v>
      </c>
      <c r="F60" s="451">
        <v>3.6886156813019171</v>
      </c>
      <c r="G60" s="451">
        <v>120483507.64000005</v>
      </c>
      <c r="H60" s="451">
        <v>84759763.140000001</v>
      </c>
      <c r="I60" s="451">
        <v>339807329.19</v>
      </c>
      <c r="J60" s="451">
        <v>3.0868810174367356</v>
      </c>
      <c r="K60" s="451">
        <v>250359760.88000005</v>
      </c>
      <c r="L60" s="450"/>
    </row>
    <row r="61" spans="1:13" ht="10.5" x14ac:dyDescent="0.2">
      <c r="A61" s="474" t="s">
        <v>669</v>
      </c>
      <c r="B61" s="451">
        <v>76275000</v>
      </c>
      <c r="C61" s="451">
        <v>95439951</v>
      </c>
      <c r="D61" s="451">
        <v>14009983.23</v>
      </c>
      <c r="E61" s="451">
        <v>57492375.850000001</v>
      </c>
      <c r="F61" s="451">
        <v>0.4515109470474612</v>
      </c>
      <c r="G61" s="451">
        <v>37947575.149999999</v>
      </c>
      <c r="H61" s="451">
        <v>7339423.5199999996</v>
      </c>
      <c r="I61" s="451">
        <v>44231636.560000002</v>
      </c>
      <c r="J61" s="451">
        <v>0.40180945947425667</v>
      </c>
      <c r="K61" s="451">
        <v>51208314.439999998</v>
      </c>
      <c r="L61" s="450"/>
    </row>
    <row r="62" spans="1:13" ht="10.5" x14ac:dyDescent="0.2">
      <c r="A62" s="474" t="s">
        <v>670</v>
      </c>
      <c r="B62" s="451">
        <v>17119600</v>
      </c>
      <c r="C62" s="451">
        <v>20661900</v>
      </c>
      <c r="D62" s="451">
        <v>87117.78</v>
      </c>
      <c r="E62" s="451">
        <v>15303523.279999999</v>
      </c>
      <c r="F62" s="451">
        <v>0.12018477558386849</v>
      </c>
      <c r="G62" s="451">
        <v>5358376.7200000007</v>
      </c>
      <c r="H62" s="451">
        <v>1169094.6299999999</v>
      </c>
      <c r="I62" s="451">
        <v>6731390.1900000004</v>
      </c>
      <c r="J62" s="451">
        <v>6.1149359691569455E-2</v>
      </c>
      <c r="K62" s="451">
        <v>13930509.809999999</v>
      </c>
      <c r="L62" s="450"/>
    </row>
    <row r="63" spans="1:13" ht="10.5" x14ac:dyDescent="0.2">
      <c r="A63" s="474" t="s">
        <v>671</v>
      </c>
      <c r="B63" s="451">
        <v>21281500</v>
      </c>
      <c r="C63" s="451">
        <v>19283100</v>
      </c>
      <c r="D63" s="451">
        <v>900156.85</v>
      </c>
      <c r="E63" s="451">
        <v>6992068.3099999996</v>
      </c>
      <c r="F63" s="451">
        <v>5.4911548493062338E-2</v>
      </c>
      <c r="G63" s="451">
        <v>12291031.690000001</v>
      </c>
      <c r="H63" s="451">
        <v>1160344.8799999999</v>
      </c>
      <c r="I63" s="451">
        <v>4133875.79</v>
      </c>
      <c r="J63" s="451">
        <v>3.7552994324784615E-2</v>
      </c>
      <c r="K63" s="451">
        <v>15149224.210000001</v>
      </c>
      <c r="L63" s="450"/>
    </row>
    <row r="64" spans="1:13" ht="10.5" x14ac:dyDescent="0.2">
      <c r="A64" s="474" t="s">
        <v>672</v>
      </c>
      <c r="B64" s="451">
        <v>108000</v>
      </c>
      <c r="C64" s="451">
        <v>108000</v>
      </c>
      <c r="D64" s="451">
        <v>7650</v>
      </c>
      <c r="E64" s="451">
        <v>52300</v>
      </c>
      <c r="F64" s="451">
        <v>4.1073311341650214E-4</v>
      </c>
      <c r="G64" s="451">
        <v>55700</v>
      </c>
      <c r="H64" s="451">
        <v>15300</v>
      </c>
      <c r="I64" s="451">
        <v>41137.879999999997</v>
      </c>
      <c r="J64" s="451">
        <v>3.7370512629109992E-4</v>
      </c>
      <c r="K64" s="451">
        <v>66862.12</v>
      </c>
      <c r="L64" s="450"/>
    </row>
    <row r="65" spans="1:13" ht="10.5" x14ac:dyDescent="0.2">
      <c r="A65" s="474" t="s">
        <v>673</v>
      </c>
      <c r="B65" s="451">
        <v>3661900</v>
      </c>
      <c r="C65" s="451">
        <v>3161900</v>
      </c>
      <c r="D65" s="451">
        <v>242919.9</v>
      </c>
      <c r="E65" s="451">
        <v>2174768.0999999996</v>
      </c>
      <c r="F65" s="451">
        <v>1.7079335997550495E-2</v>
      </c>
      <c r="G65" s="451">
        <v>987131.90000000037</v>
      </c>
      <c r="H65" s="451">
        <v>368634.57</v>
      </c>
      <c r="I65" s="451">
        <v>1797438.96</v>
      </c>
      <c r="J65" s="451">
        <v>1.6328312337615437E-2</v>
      </c>
      <c r="K65" s="451">
        <v>1364461.04</v>
      </c>
      <c r="L65" s="450"/>
    </row>
    <row r="66" spans="1:13" ht="10.5" x14ac:dyDescent="0.2">
      <c r="A66" s="474" t="s">
        <v>677</v>
      </c>
      <c r="B66" s="451">
        <v>3687000</v>
      </c>
      <c r="C66" s="451">
        <v>3137000</v>
      </c>
      <c r="D66" s="451">
        <v>24630.730000000003</v>
      </c>
      <c r="E66" s="451">
        <v>1347035.9</v>
      </c>
      <c r="F66" s="451">
        <v>1.057881929427916E-2</v>
      </c>
      <c r="G66" s="451">
        <v>1789964.1</v>
      </c>
      <c r="H66" s="451">
        <v>311904.68000000005</v>
      </c>
      <c r="I66" s="451">
        <v>1023902.6499999998</v>
      </c>
      <c r="J66" s="451">
        <v>9.3013463291750035E-3</v>
      </c>
      <c r="K66" s="451">
        <v>2113097.35</v>
      </c>
      <c r="L66" s="450"/>
    </row>
    <row r="67" spans="1:13" ht="10.5" x14ac:dyDescent="0.2">
      <c r="A67" s="474" t="s">
        <v>729</v>
      </c>
      <c r="B67" s="451">
        <v>1068000</v>
      </c>
      <c r="C67" s="451">
        <v>1568000</v>
      </c>
      <c r="D67" s="451">
        <v>500000</v>
      </c>
      <c r="E67" s="451">
        <v>1568000</v>
      </c>
      <c r="F67" s="451">
        <v>1.2314139996884809E-2</v>
      </c>
      <c r="G67" s="451">
        <v>0</v>
      </c>
      <c r="H67" s="451">
        <v>404655.41000000003</v>
      </c>
      <c r="I67" s="451">
        <v>1118605.2599999998</v>
      </c>
      <c r="J67" s="451">
        <v>1.0161644692390288E-2</v>
      </c>
      <c r="K67" s="451">
        <v>449394.74000000022</v>
      </c>
      <c r="L67" s="452"/>
    </row>
    <row r="68" spans="1:13" ht="10.5" x14ac:dyDescent="0.2">
      <c r="A68" s="474"/>
      <c r="B68" s="451"/>
      <c r="C68" s="449"/>
      <c r="D68" s="449"/>
      <c r="E68" s="449"/>
      <c r="F68" s="449"/>
      <c r="G68" s="449"/>
      <c r="H68" s="449"/>
      <c r="I68" s="449"/>
      <c r="J68" s="449"/>
      <c r="K68" s="449"/>
      <c r="L68" s="450"/>
    </row>
    <row r="69" spans="1:13" s="73" customFormat="1" ht="10.5" x14ac:dyDescent="0.2">
      <c r="A69" s="150" t="s">
        <v>666</v>
      </c>
      <c r="B69" s="449">
        <v>12324500</v>
      </c>
      <c r="C69" s="449">
        <v>12800761.32</v>
      </c>
      <c r="D69" s="449">
        <v>981057.58</v>
      </c>
      <c r="E69" s="449">
        <v>9635904.3400000036</v>
      </c>
      <c r="F69" s="449">
        <v>7.5674665203667058E-2</v>
      </c>
      <c r="G69" s="449">
        <v>3164856.9799999977</v>
      </c>
      <c r="H69" s="449">
        <v>2416508.5700000003</v>
      </c>
      <c r="I69" s="449">
        <v>8148551.6900000013</v>
      </c>
      <c r="J69" s="449">
        <v>7.4023151859089642E-2</v>
      </c>
      <c r="K69" s="449">
        <v>4652209.629999999</v>
      </c>
      <c r="L69" s="450"/>
      <c r="M69" s="163"/>
    </row>
    <row r="70" spans="1:13" s="283" customFormat="1" ht="10.5" x14ac:dyDescent="0.2">
      <c r="A70" s="474" t="s">
        <v>651</v>
      </c>
      <c r="B70" s="451">
        <v>5400000</v>
      </c>
      <c r="C70" s="451">
        <v>5331235.32</v>
      </c>
      <c r="D70" s="451">
        <v>229805.59999999998</v>
      </c>
      <c r="E70" s="451">
        <v>5186662.2200000016</v>
      </c>
      <c r="F70" s="451">
        <v>4.0732962177062099E-2</v>
      </c>
      <c r="G70" s="451">
        <v>144573.0999999987</v>
      </c>
      <c r="H70" s="451">
        <v>1022151.49</v>
      </c>
      <c r="I70" s="451">
        <v>4793801.7800000012</v>
      </c>
      <c r="J70" s="451">
        <v>4.3547900368453601E-2</v>
      </c>
      <c r="K70" s="451">
        <v>537433.53999999911</v>
      </c>
      <c r="L70" s="452"/>
      <c r="M70" s="225"/>
    </row>
    <row r="71" spans="1:13" s="283" customFormat="1" ht="10.5" x14ac:dyDescent="0.2">
      <c r="A71" s="474" t="s">
        <v>674</v>
      </c>
      <c r="B71" s="451">
        <v>6924500</v>
      </c>
      <c r="C71" s="451">
        <v>7469526</v>
      </c>
      <c r="D71" s="451">
        <v>751251.98</v>
      </c>
      <c r="E71" s="451">
        <v>4449242.120000001</v>
      </c>
      <c r="F71" s="451">
        <v>3.4941703026604952E-2</v>
      </c>
      <c r="G71" s="451">
        <v>3020283.879999999</v>
      </c>
      <c r="H71" s="451">
        <v>1394357.08</v>
      </c>
      <c r="I71" s="451">
        <v>3354749.91</v>
      </c>
      <c r="J71" s="451">
        <v>3.0475251490636034E-2</v>
      </c>
      <c r="K71" s="451">
        <v>4114776.09</v>
      </c>
      <c r="L71" s="452"/>
      <c r="M71" s="225"/>
    </row>
    <row r="72" spans="1:13" ht="10.5" x14ac:dyDescent="0.2">
      <c r="A72" s="474"/>
      <c r="B72" s="451"/>
      <c r="C72" s="449"/>
      <c r="D72" s="449"/>
      <c r="E72" s="449"/>
      <c r="F72" s="449"/>
      <c r="G72" s="449"/>
      <c r="H72" s="449"/>
      <c r="I72" s="449"/>
      <c r="J72" s="449"/>
      <c r="K72" s="449"/>
      <c r="L72" s="450"/>
    </row>
    <row r="73" spans="1:13" s="73" customFormat="1" ht="10.5" x14ac:dyDescent="0.2">
      <c r="A73" s="150" t="s">
        <v>682</v>
      </c>
      <c r="B73" s="449">
        <v>1479468400</v>
      </c>
      <c r="C73" s="449">
        <v>1589622734.25</v>
      </c>
      <c r="D73" s="449">
        <v>224223522.65999997</v>
      </c>
      <c r="E73" s="449">
        <v>1398127254.8499999</v>
      </c>
      <c r="F73" s="449">
        <v>10.980060427093841</v>
      </c>
      <c r="G73" s="449">
        <v>191495479.40000001</v>
      </c>
      <c r="H73" s="449">
        <v>264837996.50999999</v>
      </c>
      <c r="I73" s="449">
        <v>1140473056.95</v>
      </c>
      <c r="J73" s="449">
        <v>10.360296344369145</v>
      </c>
      <c r="K73" s="449">
        <v>449149677.30000001</v>
      </c>
      <c r="L73" s="450"/>
      <c r="M73" s="163"/>
    </row>
    <row r="74" spans="1:13" s="283" customFormat="1" ht="10.5" x14ac:dyDescent="0.2">
      <c r="A74" s="24" t="s">
        <v>651</v>
      </c>
      <c r="B74" s="451">
        <v>1126742800</v>
      </c>
      <c r="C74" s="451">
        <v>1288322882.51</v>
      </c>
      <c r="D74" s="451">
        <v>203412912.93000001</v>
      </c>
      <c r="E74" s="451">
        <v>1211887462.25</v>
      </c>
      <c r="F74" s="451">
        <v>9.5174437950356836</v>
      </c>
      <c r="G74" s="451">
        <v>76435420.25999999</v>
      </c>
      <c r="H74" s="451">
        <v>228016014.97</v>
      </c>
      <c r="I74" s="451">
        <v>1010862851.75</v>
      </c>
      <c r="J74" s="451">
        <v>9.182890068137084</v>
      </c>
      <c r="K74" s="451">
        <v>277460030.75999999</v>
      </c>
      <c r="L74" s="452"/>
      <c r="M74" s="225"/>
    </row>
    <row r="75" spans="1:13" s="283" customFormat="1" ht="10.5" x14ac:dyDescent="0.2">
      <c r="A75" s="474" t="s">
        <v>675</v>
      </c>
      <c r="B75" s="451">
        <v>34443400</v>
      </c>
      <c r="C75" s="451">
        <v>33208217.289999999</v>
      </c>
      <c r="D75" s="451">
        <v>2506396.63</v>
      </c>
      <c r="E75" s="451">
        <v>20889541.690000001</v>
      </c>
      <c r="F75" s="451">
        <v>0.16405404390396788</v>
      </c>
      <c r="G75" s="451">
        <v>12318675.599999998</v>
      </c>
      <c r="H75" s="451">
        <v>3755624.97</v>
      </c>
      <c r="I75" s="451">
        <v>14515652.640000001</v>
      </c>
      <c r="J75" s="451">
        <v>0.13186323172290207</v>
      </c>
      <c r="K75" s="451">
        <v>18692564.649999999</v>
      </c>
      <c r="L75" s="452"/>
      <c r="M75" s="225"/>
    </row>
    <row r="76" spans="1:13" s="283" customFormat="1" ht="10.5" x14ac:dyDescent="0.2">
      <c r="A76" s="474" t="s">
        <v>676</v>
      </c>
      <c r="B76" s="451">
        <v>35014400</v>
      </c>
      <c r="C76" s="451">
        <v>12669977</v>
      </c>
      <c r="D76" s="451">
        <v>15225.31</v>
      </c>
      <c r="E76" s="451">
        <v>7152339.6100000003</v>
      </c>
      <c r="F76" s="451">
        <v>5.617022401964572E-2</v>
      </c>
      <c r="G76" s="451">
        <v>5517637.3899999997</v>
      </c>
      <c r="H76" s="451">
        <v>42500.18</v>
      </c>
      <c r="I76" s="451">
        <v>6864394.2400000002</v>
      </c>
      <c r="J76" s="451">
        <v>6.2357596365468983E-2</v>
      </c>
      <c r="K76" s="451">
        <v>5805582.7599999998</v>
      </c>
      <c r="L76" s="452"/>
      <c r="M76" s="225"/>
    </row>
    <row r="77" spans="1:13" s="283" customFormat="1" ht="10.5" x14ac:dyDescent="0.2">
      <c r="A77" s="474" t="s">
        <v>677</v>
      </c>
      <c r="B77" s="451">
        <v>21651100</v>
      </c>
      <c r="C77" s="451">
        <v>27841056.280000001</v>
      </c>
      <c r="D77" s="451">
        <v>466234.41</v>
      </c>
      <c r="E77" s="451">
        <v>19384494.91</v>
      </c>
      <c r="F77" s="451">
        <v>0.1522343010782149</v>
      </c>
      <c r="G77" s="451">
        <v>8456561.370000001</v>
      </c>
      <c r="H77" s="451">
        <v>3060596.72</v>
      </c>
      <c r="I77" s="451">
        <v>13398173.859999999</v>
      </c>
      <c r="J77" s="451">
        <v>0.12171182021099322</v>
      </c>
      <c r="K77" s="451">
        <v>14442882.420000002</v>
      </c>
      <c r="L77" s="452"/>
      <c r="M77" s="225"/>
    </row>
    <row r="78" spans="1:13" s="283" customFormat="1" ht="10.5" x14ac:dyDescent="0.2">
      <c r="A78" s="474" t="s">
        <v>678</v>
      </c>
      <c r="B78" s="451">
        <v>24613100</v>
      </c>
      <c r="C78" s="451">
        <v>21948770</v>
      </c>
      <c r="D78" s="451">
        <v>314646.96999999997</v>
      </c>
      <c r="E78" s="451">
        <v>12024268.42</v>
      </c>
      <c r="F78" s="451">
        <v>9.4431457068878122E-2</v>
      </c>
      <c r="G78" s="451">
        <v>9924501.5800000001</v>
      </c>
      <c r="H78" s="451">
        <v>2600558.9500000002</v>
      </c>
      <c r="I78" s="451">
        <v>9135824.3399999999</v>
      </c>
      <c r="J78" s="451">
        <v>8.2991743588950256E-2</v>
      </c>
      <c r="K78" s="451">
        <v>12812945.66</v>
      </c>
      <c r="L78" s="452"/>
      <c r="M78" s="225"/>
    </row>
    <row r="79" spans="1:13" s="283" customFormat="1" ht="10.5" x14ac:dyDescent="0.2">
      <c r="A79" s="474" t="s">
        <v>679</v>
      </c>
      <c r="B79" s="451">
        <v>187600</v>
      </c>
      <c r="C79" s="451">
        <v>187600</v>
      </c>
      <c r="D79" s="451">
        <v>0</v>
      </c>
      <c r="E79" s="451">
        <v>0</v>
      </c>
      <c r="F79" s="451">
        <v>0</v>
      </c>
      <c r="G79" s="451">
        <v>187600</v>
      </c>
      <c r="H79" s="451">
        <v>0</v>
      </c>
      <c r="I79" s="451">
        <v>0</v>
      </c>
      <c r="J79" s="451">
        <v>0</v>
      </c>
      <c r="K79" s="451">
        <v>187600</v>
      </c>
      <c r="L79" s="452"/>
      <c r="M79" s="225"/>
    </row>
    <row r="80" spans="1:13" s="283" customFormat="1" ht="10.5" x14ac:dyDescent="0.2">
      <c r="A80" s="474" t="s">
        <v>680</v>
      </c>
      <c r="B80" s="451">
        <v>5327000</v>
      </c>
      <c r="C80" s="451">
        <v>11385585.17</v>
      </c>
      <c r="D80" s="451">
        <v>877174.45</v>
      </c>
      <c r="E80" s="451">
        <v>8670273.7100000009</v>
      </c>
      <c r="F80" s="451">
        <v>6.8091176196587916E-2</v>
      </c>
      <c r="G80" s="451">
        <v>2715311.459999999</v>
      </c>
      <c r="H80" s="451">
        <v>965044.57</v>
      </c>
      <c r="I80" s="451">
        <v>8623455.5</v>
      </c>
      <c r="J80" s="451">
        <v>7.8337277630572619E-2</v>
      </c>
      <c r="K80" s="451">
        <v>2762129.67</v>
      </c>
      <c r="L80" s="452"/>
      <c r="M80" s="225"/>
    </row>
    <row r="81" spans="1:13" s="283" customFormat="1" ht="10.5" x14ac:dyDescent="0.2">
      <c r="A81" s="474" t="s">
        <v>681</v>
      </c>
      <c r="B81" s="451">
        <v>19483200</v>
      </c>
      <c r="C81" s="451">
        <v>14574313</v>
      </c>
      <c r="D81" s="451">
        <v>554903.93999999994</v>
      </c>
      <c r="E81" s="451">
        <v>6305907.0999999996</v>
      </c>
      <c r="F81" s="451">
        <v>4.9522846196906813E-2</v>
      </c>
      <c r="G81" s="451">
        <v>8268405.9000000004</v>
      </c>
      <c r="H81" s="451">
        <v>1159205.92</v>
      </c>
      <c r="I81" s="451">
        <v>5283007.8</v>
      </c>
      <c r="J81" s="451">
        <v>4.7991950413970433E-2</v>
      </c>
      <c r="K81" s="451">
        <v>9291305.1999999993</v>
      </c>
      <c r="L81" s="452"/>
      <c r="M81" s="225"/>
    </row>
    <row r="82" spans="1:13" s="283" customFormat="1" ht="10.5" x14ac:dyDescent="0.2">
      <c r="A82" s="474" t="s">
        <v>756</v>
      </c>
      <c r="B82" s="451">
        <v>185126400</v>
      </c>
      <c r="C82" s="451">
        <v>159524933</v>
      </c>
      <c r="D82" s="451">
        <v>14213537.539999999</v>
      </c>
      <c r="E82" s="451">
        <v>106004532.05</v>
      </c>
      <c r="F82" s="451">
        <v>0.83249658671426185</v>
      </c>
      <c r="G82" s="451">
        <v>53520400.950000003</v>
      </c>
      <c r="H82" s="451">
        <v>23657896.57</v>
      </c>
      <c r="I82" s="451">
        <v>67517383.239999995</v>
      </c>
      <c r="J82" s="451">
        <v>0.61334206406720027</v>
      </c>
      <c r="K82" s="451">
        <v>92007549.760000005</v>
      </c>
      <c r="L82" s="452"/>
      <c r="M82" s="225"/>
    </row>
    <row r="83" spans="1:13" s="283" customFormat="1" ht="10.5" x14ac:dyDescent="0.2">
      <c r="A83" s="474" t="s">
        <v>703</v>
      </c>
      <c r="B83" s="451">
        <v>11318700</v>
      </c>
      <c r="C83" s="451">
        <v>6994228.8300000001</v>
      </c>
      <c r="D83" s="451">
        <v>436409.38</v>
      </c>
      <c r="E83" s="451">
        <v>2342250.81</v>
      </c>
      <c r="F83" s="451">
        <v>1.8394645651885741E-2</v>
      </c>
      <c r="G83" s="451">
        <v>4651978.0199999996</v>
      </c>
      <c r="H83" s="451">
        <v>544597.55000000005</v>
      </c>
      <c r="I83" s="451">
        <v>1944856.6400000004</v>
      </c>
      <c r="J83" s="451">
        <v>1.7667485448187522E-2</v>
      </c>
      <c r="K83" s="451">
        <v>5049372.1899999995</v>
      </c>
      <c r="L83" s="452"/>
      <c r="M83" s="225"/>
    </row>
    <row r="84" spans="1:13" s="283" customFormat="1" ht="10.5" x14ac:dyDescent="0.2">
      <c r="A84" s="474" t="s">
        <v>705</v>
      </c>
      <c r="B84" s="451">
        <v>15560700</v>
      </c>
      <c r="C84" s="451">
        <v>12965171.17</v>
      </c>
      <c r="D84" s="451">
        <v>1426081.1</v>
      </c>
      <c r="E84" s="451">
        <v>3466184.3000000003</v>
      </c>
      <c r="F84" s="451">
        <v>2.7221351227808784E-2</v>
      </c>
      <c r="G84" s="451">
        <v>9498986.8699999992</v>
      </c>
      <c r="H84" s="451">
        <v>1035956.11</v>
      </c>
      <c r="I84" s="451">
        <v>2327456.94</v>
      </c>
      <c r="J84" s="451">
        <v>2.1143106783815719E-2</v>
      </c>
      <c r="K84" s="451">
        <v>10637714.23</v>
      </c>
      <c r="L84" s="452"/>
      <c r="M84" s="225"/>
    </row>
    <row r="85" spans="1:13" s="283" customFormat="1" ht="10.5" x14ac:dyDescent="0.2">
      <c r="A85" s="474" t="s">
        <v>729</v>
      </c>
      <c r="B85" s="451">
        <v>0</v>
      </c>
      <c r="C85" s="451">
        <v>0</v>
      </c>
      <c r="D85" s="451">
        <v>0</v>
      </c>
      <c r="E85" s="451">
        <v>0</v>
      </c>
      <c r="F85" s="451">
        <v>0</v>
      </c>
      <c r="G85" s="451">
        <v>0</v>
      </c>
      <c r="H85" s="451">
        <v>0</v>
      </c>
      <c r="I85" s="451">
        <v>0</v>
      </c>
      <c r="J85" s="451">
        <v>0</v>
      </c>
      <c r="K85" s="451">
        <v>0</v>
      </c>
      <c r="L85" s="452"/>
      <c r="M85" s="225"/>
    </row>
    <row r="86" spans="1:13" ht="10.5" x14ac:dyDescent="0.2">
      <c r="A86" s="474"/>
      <c r="B86" s="451"/>
      <c r="C86" s="449"/>
      <c r="D86" s="449"/>
      <c r="E86" s="449"/>
      <c r="F86" s="449"/>
      <c r="G86" s="449"/>
      <c r="H86" s="449"/>
      <c r="I86" s="449"/>
      <c r="J86" s="449"/>
      <c r="K86" s="449"/>
      <c r="L86" s="450"/>
    </row>
    <row r="87" spans="1:13" s="73" customFormat="1" ht="10.5" x14ac:dyDescent="0.2">
      <c r="A87" s="150" t="s">
        <v>683</v>
      </c>
      <c r="B87" s="449">
        <v>45533800</v>
      </c>
      <c r="C87" s="449">
        <v>43176353.729999997</v>
      </c>
      <c r="D87" s="449">
        <v>1127097.94</v>
      </c>
      <c r="E87" s="449">
        <v>13066571.480000002</v>
      </c>
      <c r="F87" s="449">
        <v>0.10261708576787139</v>
      </c>
      <c r="G87" s="449">
        <v>30109782.249999993</v>
      </c>
      <c r="H87" s="449">
        <v>2301246.2100000004</v>
      </c>
      <c r="I87" s="449">
        <v>11223818.549999999</v>
      </c>
      <c r="J87" s="449">
        <v>0.10195952073116409</v>
      </c>
      <c r="K87" s="449">
        <v>31952535.18</v>
      </c>
      <c r="L87" s="450"/>
      <c r="M87" s="163"/>
    </row>
    <row r="88" spans="1:13" ht="10.5" x14ac:dyDescent="0.2">
      <c r="A88" s="474" t="s">
        <v>684</v>
      </c>
      <c r="B88" s="451">
        <v>45533800</v>
      </c>
      <c r="C88" s="451">
        <v>43176353.729999997</v>
      </c>
      <c r="D88" s="451">
        <v>1127097.94</v>
      </c>
      <c r="E88" s="451">
        <v>13066571.480000002</v>
      </c>
      <c r="F88" s="451">
        <v>0.10261708576787139</v>
      </c>
      <c r="G88" s="451">
        <v>30109782.249999993</v>
      </c>
      <c r="H88" s="451">
        <v>2301246.2100000004</v>
      </c>
      <c r="I88" s="451">
        <v>11223818.549999999</v>
      </c>
      <c r="J88" s="451">
        <v>0.10195952073116409</v>
      </c>
      <c r="K88" s="451">
        <v>31952535.18</v>
      </c>
      <c r="L88" s="450"/>
    </row>
    <row r="89" spans="1:13" ht="10.5" x14ac:dyDescent="0.2">
      <c r="A89" s="474"/>
      <c r="B89" s="451"/>
      <c r="C89" s="449"/>
      <c r="D89" s="449"/>
      <c r="E89" s="449"/>
      <c r="F89" s="449"/>
      <c r="G89" s="449"/>
      <c r="H89" s="449"/>
      <c r="I89" s="449"/>
      <c r="J89" s="449"/>
      <c r="K89" s="449"/>
      <c r="L89" s="450"/>
    </row>
    <row r="90" spans="1:13" s="73" customFormat="1" ht="10.5" x14ac:dyDescent="0.2">
      <c r="A90" s="150" t="s">
        <v>685</v>
      </c>
      <c r="B90" s="449">
        <v>118561400</v>
      </c>
      <c r="C90" s="449">
        <v>153345098</v>
      </c>
      <c r="D90" s="449">
        <v>17834401.380000003</v>
      </c>
      <c r="E90" s="449">
        <v>131483081.68000001</v>
      </c>
      <c r="F90" s="449">
        <v>1.0325899713197451</v>
      </c>
      <c r="G90" s="449">
        <v>21862016.319999997</v>
      </c>
      <c r="H90" s="449">
        <v>18983355.530000001</v>
      </c>
      <c r="I90" s="449">
        <v>124506252.35000001</v>
      </c>
      <c r="J90" s="449">
        <v>1.1310408985219538</v>
      </c>
      <c r="K90" s="449">
        <v>28838845.649999999</v>
      </c>
      <c r="L90" s="450"/>
      <c r="M90" s="163"/>
    </row>
    <row r="91" spans="1:13" ht="10.5" x14ac:dyDescent="0.2">
      <c r="A91" s="474" t="s">
        <v>656</v>
      </c>
      <c r="B91" s="451">
        <v>7712200</v>
      </c>
      <c r="C91" s="451">
        <v>7627600</v>
      </c>
      <c r="D91" s="451">
        <v>316410.96000000002</v>
      </c>
      <c r="E91" s="451">
        <v>6277293.299999998</v>
      </c>
      <c r="F91" s="451">
        <v>4.9298130419455993E-2</v>
      </c>
      <c r="G91" s="451">
        <v>1350306.700000002</v>
      </c>
      <c r="H91" s="451">
        <v>924850.42</v>
      </c>
      <c r="I91" s="451">
        <v>5812605.4799999995</v>
      </c>
      <c r="J91" s="451">
        <v>5.2802926766856717E-2</v>
      </c>
      <c r="K91" s="451">
        <v>1814994.5200000005</v>
      </c>
      <c r="L91" s="450"/>
    </row>
    <row r="92" spans="1:13" ht="10.5" x14ac:dyDescent="0.2">
      <c r="A92" s="474" t="s">
        <v>686</v>
      </c>
      <c r="B92" s="451">
        <v>105965000</v>
      </c>
      <c r="C92" s="451">
        <v>139748272</v>
      </c>
      <c r="D92" s="451">
        <v>17142780.440000001</v>
      </c>
      <c r="E92" s="451">
        <v>123021451.79000001</v>
      </c>
      <c r="F92" s="451">
        <v>0.96613735966969083</v>
      </c>
      <c r="G92" s="451">
        <v>16726820.209999993</v>
      </c>
      <c r="H92" s="451">
        <v>17985840.079999998</v>
      </c>
      <c r="I92" s="451">
        <v>116865219.06</v>
      </c>
      <c r="J92" s="451">
        <v>1.061628150207409</v>
      </c>
      <c r="K92" s="451">
        <v>22883052.939999998</v>
      </c>
      <c r="L92" s="450"/>
    </row>
    <row r="93" spans="1:13" ht="10.5" x14ac:dyDescent="0.2">
      <c r="A93" s="474" t="s">
        <v>687</v>
      </c>
      <c r="B93" s="451">
        <v>4684200</v>
      </c>
      <c r="C93" s="451">
        <v>5769226</v>
      </c>
      <c r="D93" s="451">
        <v>375209.98</v>
      </c>
      <c r="E93" s="451">
        <v>2184336.59</v>
      </c>
      <c r="F93" s="451">
        <v>1.7154481230598196E-2</v>
      </c>
      <c r="G93" s="451">
        <v>3584889.41</v>
      </c>
      <c r="H93" s="451">
        <v>72665.03</v>
      </c>
      <c r="I93" s="451">
        <v>1828427.81</v>
      </c>
      <c r="J93" s="451">
        <v>1.6609821547688149E-2</v>
      </c>
      <c r="K93" s="451">
        <v>3940798.19</v>
      </c>
      <c r="L93" s="450"/>
    </row>
    <row r="94" spans="1:13" s="283" customFormat="1" ht="10.5" x14ac:dyDescent="0.2">
      <c r="A94" s="474" t="s">
        <v>688</v>
      </c>
      <c r="B94" s="451">
        <v>200000</v>
      </c>
      <c r="C94" s="451">
        <v>200000</v>
      </c>
      <c r="D94" s="451"/>
      <c r="E94" s="451"/>
      <c r="F94" s="451">
        <v>0</v>
      </c>
      <c r="G94" s="451">
        <v>200000</v>
      </c>
      <c r="H94" s="451"/>
      <c r="I94" s="451"/>
      <c r="J94" s="530">
        <v>0</v>
      </c>
      <c r="K94" s="451">
        <v>200000</v>
      </c>
      <c r="L94" s="450"/>
      <c r="M94" s="225"/>
    </row>
    <row r="95" spans="1:13" ht="10.5" x14ac:dyDescent="0.2">
      <c r="A95" s="474"/>
      <c r="B95" s="451"/>
      <c r="C95" s="451"/>
      <c r="D95" s="451"/>
      <c r="E95" s="451"/>
      <c r="F95" s="451"/>
      <c r="G95" s="451"/>
      <c r="H95" s="451"/>
      <c r="I95" s="451"/>
      <c r="J95" s="449"/>
      <c r="K95" s="449"/>
      <c r="L95" s="450"/>
    </row>
    <row r="96" spans="1:13" s="73" customFormat="1" ht="10.5" x14ac:dyDescent="0.2">
      <c r="A96" s="150" t="s">
        <v>689</v>
      </c>
      <c r="B96" s="449">
        <v>23514000</v>
      </c>
      <c r="C96" s="449">
        <v>10378000</v>
      </c>
      <c r="D96" s="449">
        <v>143892.15</v>
      </c>
      <c r="E96" s="449">
        <v>5874618.8799999999</v>
      </c>
      <c r="F96" s="449">
        <v>4.6135764870320554E-2</v>
      </c>
      <c r="G96" s="449">
        <v>4503381.12</v>
      </c>
      <c r="H96" s="449">
        <v>0</v>
      </c>
      <c r="I96" s="449">
        <v>4312983.32</v>
      </c>
      <c r="J96" s="449">
        <v>3.9180044676390899E-2</v>
      </c>
      <c r="K96" s="449">
        <v>6065016.6799999997</v>
      </c>
      <c r="L96" s="450"/>
      <c r="M96" s="163"/>
    </row>
    <row r="97" spans="1:13" s="283" customFormat="1" ht="10.5" x14ac:dyDescent="0.2">
      <c r="A97" s="474" t="s">
        <v>690</v>
      </c>
      <c r="B97" s="451">
        <v>23500000</v>
      </c>
      <c r="C97" s="451">
        <v>10378000</v>
      </c>
      <c r="D97" s="451">
        <v>143892.15</v>
      </c>
      <c r="E97" s="451">
        <v>5874618.8799999999</v>
      </c>
      <c r="F97" s="451">
        <v>4.6135764870320554E-2</v>
      </c>
      <c r="G97" s="451">
        <v>4503381.12</v>
      </c>
      <c r="H97" s="451">
        <v>0</v>
      </c>
      <c r="I97" s="451">
        <v>4312983.32</v>
      </c>
      <c r="J97" s="451">
        <v>3.9180044676390899E-2</v>
      </c>
      <c r="K97" s="451">
        <v>6065016.6799999997</v>
      </c>
      <c r="L97" s="452"/>
      <c r="M97" s="225"/>
    </row>
    <row r="98" spans="1:13" s="283" customFormat="1" ht="10.5" x14ac:dyDescent="0.2">
      <c r="A98" s="474" t="s">
        <v>691</v>
      </c>
      <c r="B98" s="451">
        <v>14000</v>
      </c>
      <c r="C98" s="451">
        <v>0</v>
      </c>
      <c r="D98" s="451">
        <v>0</v>
      </c>
      <c r="E98" s="451">
        <v>0</v>
      </c>
      <c r="F98" s="451">
        <v>0</v>
      </c>
      <c r="G98" s="451">
        <v>0</v>
      </c>
      <c r="H98" s="451">
        <v>0</v>
      </c>
      <c r="I98" s="451">
        <v>0</v>
      </c>
      <c r="J98" s="451">
        <v>0</v>
      </c>
      <c r="K98" s="451">
        <v>0</v>
      </c>
      <c r="L98" s="452"/>
      <c r="M98" s="225"/>
    </row>
    <row r="99" spans="1:13" ht="10.5" x14ac:dyDescent="0.2">
      <c r="A99" s="474"/>
      <c r="B99" s="451"/>
      <c r="C99" s="449"/>
      <c r="D99" s="449"/>
      <c r="E99" s="449"/>
      <c r="F99" s="449"/>
      <c r="G99" s="449"/>
      <c r="H99" s="449"/>
      <c r="I99" s="449"/>
      <c r="J99" s="449"/>
      <c r="K99" s="449"/>
      <c r="L99" s="450"/>
    </row>
    <row r="100" spans="1:13" s="73" customFormat="1" ht="10.5" x14ac:dyDescent="0.2">
      <c r="A100" s="179" t="s">
        <v>757</v>
      </c>
      <c r="B100" s="449">
        <v>80752700</v>
      </c>
      <c r="C100" s="449">
        <v>104929200</v>
      </c>
      <c r="D100" s="449">
        <v>2481827.8199999998</v>
      </c>
      <c r="E100" s="449">
        <v>34584787.979999989</v>
      </c>
      <c r="F100" s="449">
        <v>0.27160836795172116</v>
      </c>
      <c r="G100" s="449">
        <v>70344412.020000026</v>
      </c>
      <c r="H100" s="449">
        <v>2923343.7500000005</v>
      </c>
      <c r="I100" s="449">
        <v>22975178.709999993</v>
      </c>
      <c r="J100" s="449">
        <v>0.20871134004428857</v>
      </c>
      <c r="K100" s="449">
        <v>81954021.290000007</v>
      </c>
      <c r="L100" s="450"/>
      <c r="M100" s="163"/>
    </row>
    <row r="101" spans="1:13" ht="10.5" x14ac:dyDescent="0.2">
      <c r="A101" s="474" t="s">
        <v>651</v>
      </c>
      <c r="B101" s="451">
        <v>25865000</v>
      </c>
      <c r="C101" s="451">
        <v>27077580.000000007</v>
      </c>
      <c r="D101" s="451">
        <v>115035.52</v>
      </c>
      <c r="E101" s="451">
        <v>14237101.549999991</v>
      </c>
      <c r="F101" s="451">
        <v>0.1118097331865852</v>
      </c>
      <c r="G101" s="451">
        <v>12840478.450000016</v>
      </c>
      <c r="H101" s="451">
        <v>1804689.7800000005</v>
      </c>
      <c r="I101" s="451">
        <v>10785246.169999989</v>
      </c>
      <c r="J101" s="451">
        <v>9.7975437286521527E-2</v>
      </c>
      <c r="K101" s="451">
        <v>16292333.830000019</v>
      </c>
      <c r="L101" s="450"/>
    </row>
    <row r="102" spans="1:13" ht="10.5" x14ac:dyDescent="0.2">
      <c r="A102" s="474" t="s">
        <v>652</v>
      </c>
      <c r="B102" s="451">
        <v>570000</v>
      </c>
      <c r="C102" s="451">
        <v>0</v>
      </c>
      <c r="D102" s="451">
        <v>0</v>
      </c>
      <c r="E102" s="451">
        <v>0</v>
      </c>
      <c r="F102" s="451">
        <v>0</v>
      </c>
      <c r="G102" s="451">
        <v>0</v>
      </c>
      <c r="H102" s="451">
        <v>0</v>
      </c>
      <c r="I102" s="451">
        <v>0</v>
      </c>
      <c r="J102" s="451">
        <v>0</v>
      </c>
      <c r="K102" s="451">
        <v>0</v>
      </c>
      <c r="L102" s="450"/>
    </row>
    <row r="103" spans="1:13" ht="10.5" x14ac:dyDescent="0.2">
      <c r="A103" s="474" t="s">
        <v>693</v>
      </c>
      <c r="B103" s="451">
        <v>54317700</v>
      </c>
      <c r="C103" s="451">
        <v>77851620</v>
      </c>
      <c r="D103" s="451">
        <v>2366792.2999999998</v>
      </c>
      <c r="E103" s="451">
        <v>20347686.429999996</v>
      </c>
      <c r="F103" s="451">
        <v>0.15979863476513598</v>
      </c>
      <c r="G103" s="451">
        <v>57503933.570000008</v>
      </c>
      <c r="H103" s="451">
        <v>1118653.97</v>
      </c>
      <c r="I103" s="451">
        <v>12189932.540000007</v>
      </c>
      <c r="J103" s="451">
        <v>0.11073590275776708</v>
      </c>
      <c r="K103" s="451">
        <v>65661687.459999993</v>
      </c>
      <c r="L103" s="450"/>
    </row>
    <row r="104" spans="1:13" ht="10.5" x14ac:dyDescent="0.2">
      <c r="A104" s="474"/>
      <c r="B104" s="451"/>
      <c r="C104" s="451"/>
      <c r="D104" s="451"/>
      <c r="E104" s="451"/>
      <c r="F104" s="451"/>
      <c r="G104" s="451"/>
      <c r="H104" s="451"/>
      <c r="I104" s="451"/>
      <c r="J104" s="451"/>
      <c r="K104" s="451"/>
      <c r="L104" s="450"/>
    </row>
    <row r="105" spans="1:13" s="73" customFormat="1" ht="10.5" x14ac:dyDescent="0.2">
      <c r="A105" s="150" t="s">
        <v>694</v>
      </c>
      <c r="B105" s="449">
        <v>26500000</v>
      </c>
      <c r="C105" s="449">
        <v>129995000</v>
      </c>
      <c r="D105" s="449">
        <v>14343259.209999999</v>
      </c>
      <c r="E105" s="449">
        <v>85038497.230000034</v>
      </c>
      <c r="F105" s="449">
        <v>0.66784181123400588</v>
      </c>
      <c r="G105" s="449">
        <v>44956502.769999966</v>
      </c>
      <c r="H105" s="449">
        <v>1242279.7900000003</v>
      </c>
      <c r="I105" s="449">
        <v>14424129.869999999</v>
      </c>
      <c r="J105" s="449">
        <v>0.13103181969288588</v>
      </c>
      <c r="K105" s="449">
        <v>115570870.13</v>
      </c>
      <c r="L105" s="450"/>
      <c r="M105" s="163"/>
    </row>
    <row r="106" spans="1:13" ht="10.5" x14ac:dyDescent="0.2">
      <c r="A106" s="474" t="s">
        <v>695</v>
      </c>
      <c r="B106" s="451">
        <v>26500000</v>
      </c>
      <c r="C106" s="451">
        <v>129995000</v>
      </c>
      <c r="D106" s="451">
        <v>14343259.209999999</v>
      </c>
      <c r="E106" s="451">
        <v>85038497.230000034</v>
      </c>
      <c r="F106" s="451">
        <v>0.66784181123400588</v>
      </c>
      <c r="G106" s="451">
        <v>44956502.769999966</v>
      </c>
      <c r="H106" s="451">
        <v>1242279.7900000003</v>
      </c>
      <c r="I106" s="451">
        <v>14424129.869999999</v>
      </c>
      <c r="J106" s="451">
        <v>0.13103181969288588</v>
      </c>
      <c r="K106" s="451">
        <v>115570870.13</v>
      </c>
      <c r="L106" s="450"/>
    </row>
    <row r="107" spans="1:13" ht="10.5" x14ac:dyDescent="0.2">
      <c r="A107" s="474"/>
      <c r="B107" s="451"/>
      <c r="C107" s="449"/>
      <c r="D107" s="449"/>
      <c r="E107" s="449"/>
      <c r="F107" s="449"/>
      <c r="G107" s="449"/>
      <c r="H107" s="449"/>
      <c r="I107" s="449"/>
      <c r="J107" s="451"/>
      <c r="K107" s="451"/>
      <c r="L107" s="450"/>
    </row>
    <row r="108" spans="1:13" s="73" customFormat="1" ht="10.5" x14ac:dyDescent="0.2">
      <c r="A108" s="150" t="s">
        <v>696</v>
      </c>
      <c r="B108" s="449">
        <v>117143000</v>
      </c>
      <c r="C108" s="449">
        <v>132805015</v>
      </c>
      <c r="D108" s="449">
        <v>7897614.879999999</v>
      </c>
      <c r="E108" s="449">
        <v>31673891.430000003</v>
      </c>
      <c r="F108" s="449">
        <v>0.24874791665507015</v>
      </c>
      <c r="G108" s="449">
        <v>101131123.56999999</v>
      </c>
      <c r="H108" s="449">
        <v>5676828.2800000003</v>
      </c>
      <c r="I108" s="449">
        <v>25716370.939999998</v>
      </c>
      <c r="J108" s="449">
        <v>0.23361290494020287</v>
      </c>
      <c r="K108" s="449">
        <v>107088644.05999999</v>
      </c>
      <c r="L108" s="450"/>
      <c r="M108" s="163"/>
    </row>
    <row r="109" spans="1:13" ht="10.5" x14ac:dyDescent="0.2">
      <c r="A109" s="474" t="s">
        <v>758</v>
      </c>
      <c r="B109" s="451">
        <v>35065000</v>
      </c>
      <c r="C109" s="451">
        <v>54778015</v>
      </c>
      <c r="D109" s="451">
        <v>4601515.0599999996</v>
      </c>
      <c r="E109" s="451">
        <v>22589730.690000001</v>
      </c>
      <c r="F109" s="451">
        <v>0.17740631773506713</v>
      </c>
      <c r="G109" s="451">
        <v>32188284.309999999</v>
      </c>
      <c r="H109" s="451">
        <v>4510459.4400000004</v>
      </c>
      <c r="I109" s="451">
        <v>21352382.52</v>
      </c>
      <c r="J109" s="451">
        <v>0.19396951924242267</v>
      </c>
      <c r="K109" s="451">
        <v>33425632.48</v>
      </c>
      <c r="L109" s="450"/>
    </row>
    <row r="110" spans="1:13" ht="10.5" x14ac:dyDescent="0.2">
      <c r="A110" s="474" t="s">
        <v>697</v>
      </c>
      <c r="B110" s="451">
        <v>65739300</v>
      </c>
      <c r="C110" s="451">
        <v>63809199.999999993</v>
      </c>
      <c r="D110" s="451">
        <v>780862.95</v>
      </c>
      <c r="E110" s="451">
        <v>4097727.7700000009</v>
      </c>
      <c r="F110" s="451">
        <v>3.2181118258228697E-2</v>
      </c>
      <c r="G110" s="451">
        <v>59711472.229999989</v>
      </c>
      <c r="H110" s="451">
        <v>798583.53999999946</v>
      </c>
      <c r="I110" s="451">
        <v>2705431.2700000014</v>
      </c>
      <c r="J110" s="451">
        <v>2.4576704838150179E-2</v>
      </c>
      <c r="K110" s="451">
        <v>61103768.729999989</v>
      </c>
      <c r="L110" s="450"/>
    </row>
    <row r="111" spans="1:13" ht="10.5" x14ac:dyDescent="0.2">
      <c r="A111" s="474" t="s">
        <v>698</v>
      </c>
      <c r="B111" s="451">
        <v>13213000</v>
      </c>
      <c r="C111" s="451">
        <v>10722500</v>
      </c>
      <c r="D111" s="451">
        <v>878333.35</v>
      </c>
      <c r="E111" s="451">
        <v>2866568.9400000009</v>
      </c>
      <c r="F111" s="451">
        <v>2.2512328595587817E-2</v>
      </c>
      <c r="G111" s="451">
        <v>7855931.0599999987</v>
      </c>
      <c r="H111" s="451">
        <v>267931.11000000004</v>
      </c>
      <c r="I111" s="451">
        <v>1096916.6100000006</v>
      </c>
      <c r="J111" s="451">
        <v>9.9646204488625916E-3</v>
      </c>
      <c r="K111" s="451">
        <v>9625583.3899999987</v>
      </c>
      <c r="L111" s="450"/>
    </row>
    <row r="112" spans="1:13" ht="10.5" x14ac:dyDescent="0.2">
      <c r="A112" s="474" t="s">
        <v>700</v>
      </c>
      <c r="B112" s="451">
        <v>840000</v>
      </c>
      <c r="C112" s="451">
        <v>1030000</v>
      </c>
      <c r="D112" s="451">
        <v>173530</v>
      </c>
      <c r="E112" s="451">
        <v>644370.51</v>
      </c>
      <c r="F112" s="451">
        <v>5.0605029783189178E-3</v>
      </c>
      <c r="G112" s="451">
        <v>385629.49</v>
      </c>
      <c r="H112" s="451">
        <v>99854.189999999973</v>
      </c>
      <c r="I112" s="451">
        <v>549520.54</v>
      </c>
      <c r="J112" s="451">
        <v>4.9919597898640724E-3</v>
      </c>
      <c r="K112" s="451">
        <v>480479.45999999996</v>
      </c>
      <c r="L112" s="450"/>
    </row>
    <row r="113" spans="1:13" ht="10.5" x14ac:dyDescent="0.2">
      <c r="A113" s="474" t="s">
        <v>701</v>
      </c>
      <c r="B113" s="451">
        <v>2285700</v>
      </c>
      <c r="C113" s="451">
        <v>2465300</v>
      </c>
      <c r="D113" s="451">
        <v>1463373.52</v>
      </c>
      <c r="E113" s="451">
        <v>1475493.52</v>
      </c>
      <c r="F113" s="451">
        <v>1.1587649087867573E-2</v>
      </c>
      <c r="G113" s="451">
        <v>989806.48</v>
      </c>
      <c r="H113" s="451">
        <v>0</v>
      </c>
      <c r="I113" s="451">
        <v>12120</v>
      </c>
      <c r="J113" s="451">
        <v>1.1010062090336526E-4</v>
      </c>
      <c r="K113" s="451">
        <v>2453180</v>
      </c>
      <c r="L113" s="450"/>
    </row>
    <row r="114" spans="1:13" ht="10.5" x14ac:dyDescent="0.2">
      <c r="A114" s="474"/>
      <c r="B114" s="451"/>
      <c r="C114" s="449"/>
      <c r="D114" s="449"/>
      <c r="E114" s="449"/>
      <c r="F114" s="449"/>
      <c r="G114" s="449"/>
      <c r="H114" s="449"/>
      <c r="I114" s="449"/>
      <c r="J114" s="449"/>
      <c r="K114" s="449"/>
      <c r="L114" s="450"/>
    </row>
    <row r="115" spans="1:13" s="73" customFormat="1" ht="10.5" x14ac:dyDescent="0.2">
      <c r="A115" s="150" t="s">
        <v>702</v>
      </c>
      <c r="B115" s="449">
        <v>67988300</v>
      </c>
      <c r="C115" s="449">
        <v>52961900</v>
      </c>
      <c r="D115" s="449">
        <v>5189144.12</v>
      </c>
      <c r="E115" s="449">
        <v>12160164.779999999</v>
      </c>
      <c r="F115" s="449">
        <v>9.5498706304915776E-2</v>
      </c>
      <c r="G115" s="449">
        <v>40801735.219999999</v>
      </c>
      <c r="H115" s="449">
        <v>4414535.6500000004</v>
      </c>
      <c r="I115" s="449">
        <v>9580030.2200000007</v>
      </c>
      <c r="J115" s="449">
        <v>8.7027002928630609E-2</v>
      </c>
      <c r="K115" s="449">
        <v>43381869.780000001</v>
      </c>
      <c r="L115" s="450"/>
      <c r="M115" s="163"/>
    </row>
    <row r="116" spans="1:13" ht="10.5" x14ac:dyDescent="0.2">
      <c r="A116" s="474" t="s">
        <v>703</v>
      </c>
      <c r="B116" s="451">
        <v>67264300</v>
      </c>
      <c r="C116" s="451">
        <v>52237900</v>
      </c>
      <c r="D116" s="451">
        <v>5189144.12</v>
      </c>
      <c r="E116" s="451">
        <v>12160164.779999999</v>
      </c>
      <c r="F116" s="451">
        <v>9.5498706304915776E-2</v>
      </c>
      <c r="G116" s="451">
        <v>40077735.219999999</v>
      </c>
      <c r="H116" s="451">
        <v>4414535.6500000004</v>
      </c>
      <c r="I116" s="451">
        <v>9580030.2200000007</v>
      </c>
      <c r="J116" s="451">
        <v>8.7027002928630609E-2</v>
      </c>
      <c r="K116" s="451">
        <v>42657869.780000001</v>
      </c>
      <c r="L116" s="450"/>
    </row>
    <row r="117" spans="1:13" ht="10.5" x14ac:dyDescent="0.2">
      <c r="A117" s="474" t="s">
        <v>705</v>
      </c>
      <c r="B117" s="451">
        <v>724000</v>
      </c>
      <c r="C117" s="451">
        <v>724000</v>
      </c>
      <c r="D117" s="451">
        <v>0</v>
      </c>
      <c r="E117" s="451">
        <v>0</v>
      </c>
      <c r="F117" s="451">
        <v>0</v>
      </c>
      <c r="G117" s="451">
        <v>724000</v>
      </c>
      <c r="H117" s="451">
        <v>0</v>
      </c>
      <c r="I117" s="451">
        <v>0</v>
      </c>
      <c r="J117" s="451">
        <v>0</v>
      </c>
      <c r="K117" s="451">
        <v>724000</v>
      </c>
      <c r="L117" s="450"/>
    </row>
    <row r="118" spans="1:13" ht="10.5" x14ac:dyDescent="0.2">
      <c r="A118" s="474"/>
      <c r="B118" s="451"/>
      <c r="C118" s="449"/>
      <c r="D118" s="449"/>
      <c r="E118" s="449"/>
      <c r="F118" s="449"/>
      <c r="G118" s="451"/>
      <c r="H118" s="449"/>
      <c r="I118" s="449"/>
      <c r="J118" s="451"/>
      <c r="K118" s="451"/>
      <c r="L118" s="450"/>
    </row>
    <row r="119" spans="1:13" s="73" customFormat="1" ht="10.5" x14ac:dyDescent="0.2">
      <c r="A119" s="150" t="s">
        <v>706</v>
      </c>
      <c r="B119" s="449">
        <v>191777800</v>
      </c>
      <c r="C119" s="449">
        <v>192361400</v>
      </c>
      <c r="D119" s="449">
        <v>8198854.5199999996</v>
      </c>
      <c r="E119" s="449">
        <v>108720659.84</v>
      </c>
      <c r="F119" s="449">
        <v>0.85382743993842602</v>
      </c>
      <c r="G119" s="449">
        <v>83640740.159999996</v>
      </c>
      <c r="H119" s="449">
        <v>16722715.98</v>
      </c>
      <c r="I119" s="449">
        <v>93364589.310000002</v>
      </c>
      <c r="J119" s="449">
        <v>0.84814350275731842</v>
      </c>
      <c r="K119" s="449">
        <v>98996810.689999998</v>
      </c>
      <c r="L119" s="450"/>
      <c r="M119" s="163"/>
    </row>
    <row r="120" spans="1:13" ht="10.5" x14ac:dyDescent="0.2">
      <c r="A120" s="474" t="s">
        <v>651</v>
      </c>
      <c r="B120" s="451">
        <v>106216600</v>
      </c>
      <c r="C120" s="451">
        <v>99235740</v>
      </c>
      <c r="D120" s="451">
        <v>3830347.82</v>
      </c>
      <c r="E120" s="451">
        <v>84477325.840000004</v>
      </c>
      <c r="F120" s="451">
        <v>0.66343470469146337</v>
      </c>
      <c r="G120" s="451">
        <v>14758414.159999996</v>
      </c>
      <c r="H120" s="451">
        <v>15248946.4</v>
      </c>
      <c r="I120" s="451">
        <v>76053773.170000002</v>
      </c>
      <c r="J120" s="451">
        <v>0.69088841980698856</v>
      </c>
      <c r="K120" s="451">
        <v>23181966.829999998</v>
      </c>
      <c r="L120" s="450"/>
    </row>
    <row r="121" spans="1:13" ht="10.5" x14ac:dyDescent="0.2">
      <c r="A121" s="474" t="s">
        <v>654</v>
      </c>
      <c r="B121" s="451">
        <v>224000</v>
      </c>
      <c r="C121" s="451">
        <v>224000</v>
      </c>
      <c r="D121" s="451">
        <v>0</v>
      </c>
      <c r="E121" s="451">
        <v>0</v>
      </c>
      <c r="F121" s="451">
        <v>0</v>
      </c>
      <c r="G121" s="451">
        <v>224000</v>
      </c>
      <c r="H121" s="451">
        <v>0</v>
      </c>
      <c r="I121" s="451">
        <v>0</v>
      </c>
      <c r="J121" s="451">
        <v>0</v>
      </c>
      <c r="K121" s="451">
        <v>224000</v>
      </c>
      <c r="L121" s="450"/>
    </row>
    <row r="122" spans="1:13" ht="10.5" x14ac:dyDescent="0.2">
      <c r="A122" s="474" t="s">
        <v>698</v>
      </c>
      <c r="B122" s="451">
        <v>1962100</v>
      </c>
      <c r="C122" s="451">
        <v>262100</v>
      </c>
      <c r="D122" s="451">
        <v>0</v>
      </c>
      <c r="E122" s="451">
        <v>0</v>
      </c>
      <c r="F122" s="451">
        <v>0</v>
      </c>
      <c r="G122" s="451">
        <v>262100</v>
      </c>
      <c r="H122" s="451">
        <v>0</v>
      </c>
      <c r="I122" s="451">
        <v>0</v>
      </c>
      <c r="J122" s="451">
        <v>0</v>
      </c>
      <c r="K122" s="451">
        <v>262100</v>
      </c>
      <c r="L122" s="450"/>
    </row>
    <row r="123" spans="1:13" ht="10.5" x14ac:dyDescent="0.2">
      <c r="A123" s="474" t="s">
        <v>699</v>
      </c>
      <c r="B123" s="451">
        <v>1816300</v>
      </c>
      <c r="C123" s="451">
        <v>980800</v>
      </c>
      <c r="D123" s="451">
        <v>0</v>
      </c>
      <c r="E123" s="451">
        <v>0</v>
      </c>
      <c r="F123" s="451">
        <v>0</v>
      </c>
      <c r="G123" s="451">
        <v>980800</v>
      </c>
      <c r="H123" s="451">
        <v>0</v>
      </c>
      <c r="I123" s="451">
        <v>0</v>
      </c>
      <c r="J123" s="451">
        <v>0</v>
      </c>
      <c r="K123" s="451">
        <v>980800</v>
      </c>
      <c r="L123" s="450"/>
    </row>
    <row r="124" spans="1:13" ht="10.5" x14ac:dyDescent="0.2">
      <c r="A124" s="474" t="s">
        <v>704</v>
      </c>
      <c r="B124" s="451">
        <v>1018900</v>
      </c>
      <c r="C124" s="451">
        <v>1018900</v>
      </c>
      <c r="D124" s="451">
        <v>0</v>
      </c>
      <c r="E124" s="451">
        <v>0</v>
      </c>
      <c r="F124" s="451">
        <v>0</v>
      </c>
      <c r="G124" s="451">
        <v>1018900</v>
      </c>
      <c r="H124" s="451">
        <v>0</v>
      </c>
      <c r="I124" s="451">
        <v>0</v>
      </c>
      <c r="J124" s="451">
        <v>0</v>
      </c>
      <c r="K124" s="451">
        <v>1018900</v>
      </c>
      <c r="L124" s="450"/>
    </row>
    <row r="125" spans="1:13" ht="10.5" x14ac:dyDescent="0.2">
      <c r="A125" s="474" t="s">
        <v>705</v>
      </c>
      <c r="B125" s="451">
        <v>0</v>
      </c>
      <c r="C125" s="451">
        <v>2085800</v>
      </c>
      <c r="D125" s="451">
        <v>5281.88</v>
      </c>
      <c r="E125" s="451">
        <v>525764.39999999991</v>
      </c>
      <c r="F125" s="451">
        <v>4.1290410886340194E-3</v>
      </c>
      <c r="G125" s="451">
        <v>1560035.6</v>
      </c>
      <c r="H125" s="451">
        <v>-3555.0400000000004</v>
      </c>
      <c r="I125" s="451">
        <v>179659.33000000005</v>
      </c>
      <c r="J125" s="451">
        <v>1.6320630184886635E-3</v>
      </c>
      <c r="K125" s="451">
        <v>1906140.67</v>
      </c>
      <c r="L125" s="450"/>
    </row>
    <row r="126" spans="1:13" ht="10.5" x14ac:dyDescent="0.2">
      <c r="A126" s="474" t="s">
        <v>707</v>
      </c>
      <c r="B126" s="451">
        <v>33807500</v>
      </c>
      <c r="C126" s="451">
        <v>68192160</v>
      </c>
      <c r="D126" s="451">
        <v>3963053.24</v>
      </c>
      <c r="E126" s="451">
        <v>21528283.109999999</v>
      </c>
      <c r="F126" s="451">
        <v>0.16907033935530016</v>
      </c>
      <c r="G126" s="451">
        <v>46663876.890000001</v>
      </c>
      <c r="H126" s="451">
        <v>1477324.62</v>
      </c>
      <c r="I126" s="451">
        <v>15617521.949999999</v>
      </c>
      <c r="J126" s="451">
        <v>0.14187284353687588</v>
      </c>
      <c r="K126" s="451">
        <v>52574638.049999997</v>
      </c>
      <c r="L126" s="450"/>
    </row>
    <row r="127" spans="1:13" ht="10.5" x14ac:dyDescent="0.2">
      <c r="A127" s="474" t="s">
        <v>708</v>
      </c>
      <c r="B127" s="451">
        <v>1145400</v>
      </c>
      <c r="C127" s="451">
        <v>965800</v>
      </c>
      <c r="D127" s="451">
        <v>0</v>
      </c>
      <c r="E127" s="451">
        <v>0</v>
      </c>
      <c r="F127" s="451">
        <v>0</v>
      </c>
      <c r="G127" s="451">
        <v>965800</v>
      </c>
      <c r="H127" s="451">
        <v>0</v>
      </c>
      <c r="I127" s="451">
        <v>0</v>
      </c>
      <c r="J127" s="451">
        <v>0</v>
      </c>
      <c r="K127" s="451">
        <v>965800</v>
      </c>
      <c r="L127" s="450"/>
    </row>
    <row r="128" spans="1:13" ht="10.5" x14ac:dyDescent="0.2">
      <c r="A128" s="474" t="s">
        <v>759</v>
      </c>
      <c r="B128" s="451">
        <v>15960100</v>
      </c>
      <c r="C128" s="451">
        <v>19396100</v>
      </c>
      <c r="D128" s="451">
        <v>400171.58</v>
      </c>
      <c r="E128" s="451">
        <v>2189286.4900000002</v>
      </c>
      <c r="F128" s="451">
        <v>1.7193354803028416E-2</v>
      </c>
      <c r="G128" s="451">
        <v>17206813.509999998</v>
      </c>
      <c r="H128" s="451">
        <v>0</v>
      </c>
      <c r="I128" s="451">
        <v>1513634.86</v>
      </c>
      <c r="J128" s="451">
        <v>1.3750176394965209E-2</v>
      </c>
      <c r="K128" s="451">
        <v>17882465.140000001</v>
      </c>
      <c r="L128" s="450"/>
    </row>
    <row r="129" spans="1:13" ht="10.5" x14ac:dyDescent="0.2">
      <c r="A129" s="24" t="s">
        <v>760</v>
      </c>
      <c r="B129" s="451">
        <v>29626900</v>
      </c>
      <c r="C129" s="451">
        <v>0</v>
      </c>
      <c r="D129" s="451">
        <v>0</v>
      </c>
      <c r="E129" s="451">
        <v>0</v>
      </c>
      <c r="F129" s="451">
        <v>0</v>
      </c>
      <c r="G129" s="451">
        <v>0</v>
      </c>
      <c r="H129" s="451">
        <v>0</v>
      </c>
      <c r="I129" s="451">
        <v>0</v>
      </c>
      <c r="J129" s="451">
        <v>0</v>
      </c>
      <c r="K129" s="451">
        <v>0</v>
      </c>
      <c r="L129" s="450"/>
    </row>
    <row r="130" spans="1:13" ht="10.5" x14ac:dyDescent="0.2">
      <c r="A130" s="474"/>
      <c r="B130" s="451"/>
      <c r="C130" s="451"/>
      <c r="D130" s="451"/>
      <c r="E130" s="451"/>
      <c r="F130" s="451"/>
      <c r="G130" s="451"/>
      <c r="H130" s="451"/>
      <c r="I130" s="451"/>
      <c r="J130" s="449"/>
      <c r="K130" s="449"/>
      <c r="L130" s="450"/>
    </row>
    <row r="131" spans="1:13" s="73" customFormat="1" ht="10.5" x14ac:dyDescent="0.2">
      <c r="A131" s="150" t="s">
        <v>709</v>
      </c>
      <c r="B131" s="449">
        <v>4674800</v>
      </c>
      <c r="C131" s="449">
        <v>4785800</v>
      </c>
      <c r="D131" s="449">
        <v>441848.59</v>
      </c>
      <c r="E131" s="449">
        <v>2572414.56</v>
      </c>
      <c r="F131" s="449">
        <v>2.0202214937413799E-2</v>
      </c>
      <c r="G131" s="449">
        <v>2213385.44</v>
      </c>
      <c r="H131" s="449">
        <v>214396.59</v>
      </c>
      <c r="I131" s="449">
        <v>2078186.1599999997</v>
      </c>
      <c r="J131" s="449">
        <v>1.8878678759800357E-2</v>
      </c>
      <c r="K131" s="449">
        <v>2707613.8400000003</v>
      </c>
      <c r="L131" s="450"/>
      <c r="M131" s="163"/>
    </row>
    <row r="132" spans="1:13" ht="10.5" x14ac:dyDescent="0.2">
      <c r="A132" s="474" t="s">
        <v>710</v>
      </c>
      <c r="B132" s="451">
        <v>4674800</v>
      </c>
      <c r="C132" s="451">
        <v>4785800</v>
      </c>
      <c r="D132" s="451">
        <v>441848.59</v>
      </c>
      <c r="E132" s="451">
        <v>2572414.56</v>
      </c>
      <c r="F132" s="451">
        <v>2.0202214937413799E-2</v>
      </c>
      <c r="G132" s="451">
        <v>2213385.44</v>
      </c>
      <c r="H132" s="451">
        <v>214396.59</v>
      </c>
      <c r="I132" s="451">
        <v>2078186.1599999997</v>
      </c>
      <c r="J132" s="451">
        <v>1.8878678759800357E-2</v>
      </c>
      <c r="K132" s="451">
        <v>2707613.8400000003</v>
      </c>
      <c r="L132" s="450"/>
    </row>
    <row r="133" spans="1:13" ht="10.5" x14ac:dyDescent="0.2">
      <c r="A133" s="474"/>
      <c r="B133" s="451"/>
      <c r="C133" s="449"/>
      <c r="D133" s="449"/>
      <c r="E133" s="449"/>
      <c r="F133" s="449"/>
      <c r="G133" s="449"/>
      <c r="H133" s="449"/>
      <c r="I133" s="449"/>
      <c r="J133" s="449"/>
      <c r="K133" s="449"/>
      <c r="L133" s="450"/>
    </row>
    <row r="134" spans="1:13" s="73" customFormat="1" ht="10.5" x14ac:dyDescent="0.2">
      <c r="A134" s="150" t="s">
        <v>711</v>
      </c>
      <c r="B134" s="449">
        <v>21507400</v>
      </c>
      <c r="C134" s="449">
        <v>21507400</v>
      </c>
      <c r="D134" s="449">
        <v>-1</v>
      </c>
      <c r="E134" s="449">
        <v>907759.02</v>
      </c>
      <c r="F134" s="449">
        <v>7.1289997804304568E-3</v>
      </c>
      <c r="G134" s="449">
        <v>20599640.98</v>
      </c>
      <c r="H134" s="449">
        <v>0</v>
      </c>
      <c r="I134" s="449">
        <v>907759.02</v>
      </c>
      <c r="J134" s="449">
        <v>8.2462732452665312E-3</v>
      </c>
      <c r="K134" s="449">
        <v>20599640.98</v>
      </c>
      <c r="L134" s="450"/>
      <c r="M134" s="163"/>
    </row>
    <row r="135" spans="1:13" ht="10.5" x14ac:dyDescent="0.2">
      <c r="A135" s="474" t="s">
        <v>712</v>
      </c>
      <c r="B135" s="451">
        <v>21507400</v>
      </c>
      <c r="C135" s="451">
        <v>21507400</v>
      </c>
      <c r="D135" s="451">
        <v>-1</v>
      </c>
      <c r="E135" s="451">
        <v>907759.02</v>
      </c>
      <c r="F135" s="451">
        <v>7.1289997804304568E-3</v>
      </c>
      <c r="G135" s="451">
        <v>20599640.98</v>
      </c>
      <c r="H135" s="451">
        <v>0</v>
      </c>
      <c r="I135" s="451">
        <v>907759.02</v>
      </c>
      <c r="J135" s="451">
        <v>8.2462732452665312E-3</v>
      </c>
      <c r="K135" s="451">
        <v>20599640.98</v>
      </c>
      <c r="L135" s="452"/>
    </row>
    <row r="136" spans="1:13" ht="10.5" x14ac:dyDescent="0.2">
      <c r="A136" s="474"/>
      <c r="B136" s="451"/>
      <c r="C136" s="449"/>
      <c r="D136" s="449"/>
      <c r="E136" s="449"/>
      <c r="F136" s="449"/>
      <c r="G136" s="449"/>
      <c r="H136" s="449"/>
      <c r="I136" s="449"/>
      <c r="J136" s="451"/>
      <c r="K136" s="451"/>
      <c r="L136" s="450"/>
    </row>
    <row r="137" spans="1:13" s="73" customFormat="1" ht="10.5" x14ac:dyDescent="0.2">
      <c r="A137" s="150" t="s">
        <v>714</v>
      </c>
      <c r="B137" s="449">
        <v>38954900</v>
      </c>
      <c r="C137" s="449">
        <v>36092013.399999999</v>
      </c>
      <c r="D137" s="449">
        <v>1395470.62</v>
      </c>
      <c r="E137" s="449">
        <v>21705216.43</v>
      </c>
      <c r="F137" s="449">
        <v>0.17045986848322978</v>
      </c>
      <c r="G137" s="449">
        <v>14386796.970000003</v>
      </c>
      <c r="H137" s="449">
        <v>3389492.2500000009</v>
      </c>
      <c r="I137" s="449">
        <v>17160435.379999999</v>
      </c>
      <c r="J137" s="449">
        <v>0.15588899259984129</v>
      </c>
      <c r="K137" s="449">
        <v>18931578.02</v>
      </c>
      <c r="L137" s="450"/>
      <c r="M137" s="163"/>
    </row>
    <row r="138" spans="1:13" ht="10.5" x14ac:dyDescent="0.2">
      <c r="A138" s="474" t="s">
        <v>862</v>
      </c>
      <c r="B138" s="451">
        <v>151600</v>
      </c>
      <c r="C138" s="451">
        <v>151600</v>
      </c>
      <c r="D138" s="451">
        <v>0</v>
      </c>
      <c r="E138" s="451">
        <v>0</v>
      </c>
      <c r="F138" s="451">
        <v>0</v>
      </c>
      <c r="G138" s="451">
        <v>151600</v>
      </c>
      <c r="H138" s="451">
        <v>0</v>
      </c>
      <c r="I138" s="451">
        <v>0</v>
      </c>
      <c r="J138" s="451">
        <v>0</v>
      </c>
      <c r="K138" s="451">
        <v>151600</v>
      </c>
      <c r="L138" s="450"/>
    </row>
    <row r="139" spans="1:13" ht="10.5" x14ac:dyDescent="0.2">
      <c r="A139" s="225" t="s">
        <v>761</v>
      </c>
      <c r="B139" s="451">
        <v>18149000</v>
      </c>
      <c r="C139" s="451">
        <v>17889000</v>
      </c>
      <c r="D139" s="451">
        <v>176296.15000000002</v>
      </c>
      <c r="E139" s="451">
        <v>11011807.129999999</v>
      </c>
      <c r="F139" s="451">
        <v>8.6480187893822891E-2</v>
      </c>
      <c r="G139" s="451">
        <v>6877192.870000001</v>
      </c>
      <c r="H139" s="451">
        <v>1495284.5100000007</v>
      </c>
      <c r="I139" s="451">
        <v>9291625.1300000008</v>
      </c>
      <c r="J139" s="451">
        <v>8.4407070628243555E-2</v>
      </c>
      <c r="K139" s="451">
        <v>8597374.8699999992</v>
      </c>
      <c r="L139" s="450"/>
    </row>
    <row r="140" spans="1:13" ht="10.5" x14ac:dyDescent="0.2">
      <c r="A140" s="474" t="s">
        <v>715</v>
      </c>
      <c r="B140" s="451">
        <v>8583400</v>
      </c>
      <c r="C140" s="451">
        <v>8679023.4000000004</v>
      </c>
      <c r="D140" s="451">
        <v>425076.21</v>
      </c>
      <c r="E140" s="451">
        <v>7427780.3899999997</v>
      </c>
      <c r="F140" s="451">
        <v>5.8333372186591598E-2</v>
      </c>
      <c r="G140" s="451">
        <v>1251243.0100000007</v>
      </c>
      <c r="H140" s="451">
        <v>1198833.74</v>
      </c>
      <c r="I140" s="451">
        <v>5490755.7699999996</v>
      </c>
      <c r="J140" s="451">
        <v>4.9879176526875846E-2</v>
      </c>
      <c r="K140" s="451">
        <v>3188267.6300000008</v>
      </c>
      <c r="L140" s="450"/>
    </row>
    <row r="141" spans="1:13" ht="10.5" x14ac:dyDescent="0.2">
      <c r="A141" s="474" t="s">
        <v>716</v>
      </c>
      <c r="B141" s="451">
        <v>12070900</v>
      </c>
      <c r="C141" s="451">
        <v>9372390</v>
      </c>
      <c r="D141" s="451">
        <v>794098.26</v>
      </c>
      <c r="E141" s="451">
        <v>3265628.91</v>
      </c>
      <c r="F141" s="451">
        <v>2.5646308402815267E-2</v>
      </c>
      <c r="G141" s="451">
        <v>6106761.0899999999</v>
      </c>
      <c r="H141" s="451">
        <v>695374</v>
      </c>
      <c r="I141" s="451">
        <v>2378054.48</v>
      </c>
      <c r="J141" s="451">
        <v>2.1602745444721898E-2</v>
      </c>
      <c r="K141" s="451">
        <v>6994335.5199999996</v>
      </c>
      <c r="L141" s="450"/>
    </row>
    <row r="142" spans="1:13" ht="10.5" x14ac:dyDescent="0.2">
      <c r="A142" s="474"/>
      <c r="B142" s="451"/>
      <c r="C142" s="451"/>
      <c r="D142" s="451"/>
      <c r="E142" s="451"/>
      <c r="F142" s="451"/>
      <c r="G142" s="451"/>
      <c r="H142" s="451"/>
      <c r="I142" s="451"/>
      <c r="J142" s="451"/>
      <c r="K142" s="451"/>
      <c r="L142" s="450"/>
    </row>
    <row r="143" spans="1:13" s="73" customFormat="1" ht="10.5" x14ac:dyDescent="0.2">
      <c r="A143" s="150" t="s">
        <v>717</v>
      </c>
      <c r="B143" s="449">
        <v>42633100</v>
      </c>
      <c r="C143" s="449">
        <v>64335100</v>
      </c>
      <c r="D143" s="449">
        <v>8368316.4199999999</v>
      </c>
      <c r="E143" s="449">
        <v>30923036.970000003</v>
      </c>
      <c r="F143" s="449">
        <v>0.24285115202641877</v>
      </c>
      <c r="G143" s="449">
        <v>33412063.029999997</v>
      </c>
      <c r="H143" s="449">
        <v>7353769.2400000002</v>
      </c>
      <c r="I143" s="449">
        <v>24899037.629999999</v>
      </c>
      <c r="J143" s="449">
        <v>0.2261880778019188</v>
      </c>
      <c r="K143" s="449">
        <v>39436062.370000005</v>
      </c>
      <c r="L143" s="450"/>
      <c r="M143" s="163"/>
    </row>
    <row r="144" spans="1:13" s="283" customFormat="1" ht="10.5" x14ac:dyDescent="0.2">
      <c r="A144" s="474" t="s">
        <v>657</v>
      </c>
      <c r="B144" s="451">
        <v>39113000</v>
      </c>
      <c r="C144" s="451">
        <v>60963000</v>
      </c>
      <c r="D144" s="451">
        <v>8087519.75</v>
      </c>
      <c r="E144" s="451">
        <v>29676505.050000004</v>
      </c>
      <c r="F144" s="451">
        <v>0.23306163125252488</v>
      </c>
      <c r="G144" s="451">
        <v>31286494.949999996</v>
      </c>
      <c r="H144" s="451">
        <v>7093106.8100000005</v>
      </c>
      <c r="I144" s="451">
        <v>23700333.579999998</v>
      </c>
      <c r="J144" s="451">
        <v>0.21529879890881823</v>
      </c>
      <c r="K144" s="451">
        <v>37262666.420000002</v>
      </c>
      <c r="L144" s="452"/>
      <c r="M144" s="225"/>
    </row>
    <row r="145" spans="1:13" s="283" customFormat="1" ht="10.5" x14ac:dyDescent="0.2">
      <c r="A145" s="474" t="s">
        <v>761</v>
      </c>
      <c r="B145" s="451">
        <v>3520100</v>
      </c>
      <c r="C145" s="451">
        <v>3372099.9999999995</v>
      </c>
      <c r="D145" s="451">
        <v>280796.66999999993</v>
      </c>
      <c r="E145" s="451">
        <v>1246531.9199999988</v>
      </c>
      <c r="F145" s="451">
        <v>9.7895207738938755E-3</v>
      </c>
      <c r="G145" s="451">
        <v>2125568.080000001</v>
      </c>
      <c r="H145" s="451">
        <v>260662.43</v>
      </c>
      <c r="I145" s="451">
        <v>1198704.05</v>
      </c>
      <c r="J145" s="451">
        <v>1.0889278893100544E-2</v>
      </c>
      <c r="K145" s="451">
        <v>2173395.9499999993</v>
      </c>
      <c r="L145" s="452"/>
      <c r="M145" s="225"/>
    </row>
    <row r="146" spans="1:13" s="283" customFormat="1" ht="10.5" x14ac:dyDescent="0.2">
      <c r="A146" s="474"/>
      <c r="B146" s="451"/>
      <c r="C146" s="451"/>
      <c r="D146" s="451"/>
      <c r="E146" s="451"/>
      <c r="F146" s="451"/>
      <c r="G146" s="451"/>
      <c r="H146" s="451"/>
      <c r="I146" s="451"/>
      <c r="J146" s="451"/>
      <c r="K146" s="451"/>
      <c r="L146" s="452"/>
      <c r="M146" s="225"/>
    </row>
    <row r="147" spans="1:13" s="73" customFormat="1" ht="10.5" x14ac:dyDescent="0.2">
      <c r="A147" s="150" t="s">
        <v>718</v>
      </c>
      <c r="B147" s="449">
        <v>36724000</v>
      </c>
      <c r="C147" s="449">
        <v>31039720</v>
      </c>
      <c r="D147" s="449">
        <v>0</v>
      </c>
      <c r="E147" s="449">
        <v>0</v>
      </c>
      <c r="F147" s="449">
        <v>0</v>
      </c>
      <c r="G147" s="449">
        <v>31039720</v>
      </c>
      <c r="H147" s="449">
        <v>0</v>
      </c>
      <c r="I147" s="449">
        <v>0</v>
      </c>
      <c r="J147" s="449">
        <v>0</v>
      </c>
      <c r="K147" s="449">
        <v>31039720</v>
      </c>
      <c r="L147" s="450"/>
      <c r="M147" s="163"/>
    </row>
    <row r="148" spans="1:13" ht="10.5" x14ac:dyDescent="0.2">
      <c r="A148" s="474" t="s">
        <v>704</v>
      </c>
      <c r="B148" s="451">
        <v>2624000</v>
      </c>
      <c r="C148" s="451">
        <v>2624000</v>
      </c>
      <c r="D148" s="451">
        <v>0</v>
      </c>
      <c r="E148" s="451">
        <v>0</v>
      </c>
      <c r="F148" s="451">
        <v>0</v>
      </c>
      <c r="G148" s="451">
        <v>2624000</v>
      </c>
      <c r="H148" s="451">
        <v>0</v>
      </c>
      <c r="I148" s="451">
        <v>0</v>
      </c>
      <c r="J148" s="451">
        <v>0</v>
      </c>
      <c r="K148" s="451">
        <v>2624000</v>
      </c>
      <c r="L148" s="450"/>
    </row>
    <row r="149" spans="1:13" ht="10.5" x14ac:dyDescent="0.2">
      <c r="A149" s="474" t="s">
        <v>719</v>
      </c>
      <c r="B149" s="451">
        <v>34100000</v>
      </c>
      <c r="C149" s="451">
        <v>28415720</v>
      </c>
      <c r="D149" s="451">
        <v>0</v>
      </c>
      <c r="E149" s="451">
        <v>0</v>
      </c>
      <c r="F149" s="451">
        <v>0</v>
      </c>
      <c r="G149" s="451">
        <v>28415720</v>
      </c>
      <c r="H149" s="451">
        <v>0</v>
      </c>
      <c r="I149" s="451">
        <v>0</v>
      </c>
      <c r="J149" s="451">
        <v>0</v>
      </c>
      <c r="K149" s="451">
        <v>28415720</v>
      </c>
      <c r="L149" s="450"/>
    </row>
    <row r="150" spans="1:13" ht="10.5" x14ac:dyDescent="0.2">
      <c r="A150" s="474"/>
      <c r="B150" s="451"/>
      <c r="C150" s="451"/>
      <c r="D150" s="451"/>
      <c r="E150" s="451"/>
      <c r="F150" s="451"/>
      <c r="G150" s="451"/>
      <c r="H150" s="451"/>
      <c r="I150" s="451"/>
      <c r="J150" s="449"/>
      <c r="K150" s="449"/>
      <c r="L150" s="450"/>
    </row>
    <row r="151" spans="1:13" s="73" customFormat="1" ht="10.5" x14ac:dyDescent="0.2">
      <c r="A151" s="150" t="s">
        <v>720</v>
      </c>
      <c r="B151" s="449">
        <v>624942200</v>
      </c>
      <c r="C151" s="449">
        <v>580938281</v>
      </c>
      <c r="D151" s="449">
        <v>46134969.210000001</v>
      </c>
      <c r="E151" s="449">
        <v>493827316.55000001</v>
      </c>
      <c r="F151" s="449">
        <v>3.878226218292506</v>
      </c>
      <c r="G151" s="449">
        <v>87110964.449999943</v>
      </c>
      <c r="H151" s="449">
        <v>83616799</v>
      </c>
      <c r="I151" s="449">
        <v>314595032.87000012</v>
      </c>
      <c r="J151" s="449">
        <v>2.8578472320215855</v>
      </c>
      <c r="K151" s="449">
        <v>266343248.12999988</v>
      </c>
      <c r="L151" s="450"/>
      <c r="M151" s="163"/>
    </row>
    <row r="152" spans="1:13" ht="10.5" x14ac:dyDescent="0.2">
      <c r="A152" s="24" t="s">
        <v>651</v>
      </c>
      <c r="B152" s="451">
        <v>57620000</v>
      </c>
      <c r="C152" s="451">
        <v>78212500.000000045</v>
      </c>
      <c r="D152" s="451">
        <v>1020864.0200000005</v>
      </c>
      <c r="E152" s="451">
        <v>64879020.560000017</v>
      </c>
      <c r="F152" s="451">
        <v>0.50952126405395914</v>
      </c>
      <c r="G152" s="451">
        <v>13333479.440000027</v>
      </c>
      <c r="H152" s="451">
        <v>9053671.4300000109</v>
      </c>
      <c r="I152" s="451">
        <v>48123088.430000074</v>
      </c>
      <c r="J152" s="451">
        <v>0.43716022408667993</v>
      </c>
      <c r="K152" s="451">
        <v>30089411.56999997</v>
      </c>
      <c r="L152" s="450"/>
    </row>
    <row r="153" spans="1:13" ht="10.5" x14ac:dyDescent="0.2">
      <c r="A153" s="474" t="s">
        <v>721</v>
      </c>
      <c r="B153" s="451">
        <v>9000000</v>
      </c>
      <c r="C153" s="451">
        <v>114000.00000000023</v>
      </c>
      <c r="D153" s="451">
        <v>0</v>
      </c>
      <c r="E153" s="451">
        <v>42056.26</v>
      </c>
      <c r="F153" s="451">
        <v>3.302848682304762E-4</v>
      </c>
      <c r="G153" s="451">
        <v>71943.740000000224</v>
      </c>
      <c r="H153" s="451">
        <v>0</v>
      </c>
      <c r="I153" s="451">
        <v>42056.26</v>
      </c>
      <c r="J153" s="451">
        <v>3.8204788274532708E-4</v>
      </c>
      <c r="K153" s="451">
        <v>71943.740000000224</v>
      </c>
      <c r="L153" s="450"/>
    </row>
    <row r="154" spans="1:13" ht="10.5" x14ac:dyDescent="0.2">
      <c r="A154" s="474" t="s">
        <v>722</v>
      </c>
      <c r="B154" s="451">
        <v>540022200</v>
      </c>
      <c r="C154" s="451">
        <v>495991780.99999994</v>
      </c>
      <c r="D154" s="451">
        <v>45114105.189999998</v>
      </c>
      <c r="E154" s="451">
        <v>428764947.73000002</v>
      </c>
      <c r="F154" s="451">
        <v>3.3672650459848326</v>
      </c>
      <c r="G154" s="451">
        <v>67226833.269999921</v>
      </c>
      <c r="H154" s="451">
        <v>74563127.569999993</v>
      </c>
      <c r="I154" s="451">
        <v>266288596.18000004</v>
      </c>
      <c r="J154" s="451">
        <v>2.4190214339029295</v>
      </c>
      <c r="K154" s="451">
        <v>229703184.8199999</v>
      </c>
      <c r="L154" s="450"/>
    </row>
    <row r="155" spans="1:13" ht="10.5" x14ac:dyDescent="0.2">
      <c r="A155" s="474" t="s">
        <v>723</v>
      </c>
      <c r="B155" s="451">
        <v>14300000</v>
      </c>
      <c r="C155" s="451">
        <v>6120000</v>
      </c>
      <c r="D155" s="451">
        <v>0</v>
      </c>
      <c r="E155" s="451">
        <v>141292</v>
      </c>
      <c r="F155" s="451">
        <v>1.1096233854845971E-3</v>
      </c>
      <c r="G155" s="451">
        <v>5978708</v>
      </c>
      <c r="H155" s="451">
        <v>0</v>
      </c>
      <c r="I155" s="451">
        <v>141292</v>
      </c>
      <c r="J155" s="451">
        <v>1.2835261492308815E-3</v>
      </c>
      <c r="K155" s="451">
        <v>5978708</v>
      </c>
      <c r="L155" s="450"/>
    </row>
    <row r="156" spans="1:13" ht="10.5" x14ac:dyDescent="0.2">
      <c r="A156" s="474" t="s">
        <v>724</v>
      </c>
      <c r="B156" s="451">
        <v>4000000</v>
      </c>
      <c r="C156" s="451">
        <v>500000</v>
      </c>
      <c r="D156" s="451">
        <v>0</v>
      </c>
      <c r="E156" s="451">
        <v>0</v>
      </c>
      <c r="F156" s="451">
        <v>0</v>
      </c>
      <c r="G156" s="451">
        <v>500000</v>
      </c>
      <c r="H156" s="451">
        <v>0</v>
      </c>
      <c r="I156" s="451">
        <v>0</v>
      </c>
      <c r="J156" s="451">
        <v>0</v>
      </c>
      <c r="K156" s="451">
        <v>500000</v>
      </c>
      <c r="L156" s="450"/>
    </row>
    <row r="157" spans="1:13" s="195" customFormat="1" ht="10.5" x14ac:dyDescent="0.2">
      <c r="A157" s="474"/>
      <c r="B157" s="451"/>
      <c r="C157" s="449"/>
      <c r="D157" s="449"/>
      <c r="E157" s="449"/>
      <c r="F157" s="449"/>
      <c r="G157" s="451"/>
      <c r="H157" s="449"/>
      <c r="I157" s="449"/>
      <c r="J157" s="451"/>
      <c r="K157" s="449"/>
      <c r="L157" s="450"/>
      <c r="M157" s="225"/>
    </row>
    <row r="158" spans="1:13" s="73" customFormat="1" ht="10.5" x14ac:dyDescent="0.2">
      <c r="A158" s="150" t="s">
        <v>725</v>
      </c>
      <c r="B158" s="449">
        <v>21680800</v>
      </c>
      <c r="C158" s="449">
        <v>21891800</v>
      </c>
      <c r="D158" s="449">
        <v>2355613.9499999997</v>
      </c>
      <c r="E158" s="449">
        <v>8584861.75</v>
      </c>
      <c r="F158" s="449">
        <v>6.7420401430740753E-2</v>
      </c>
      <c r="G158" s="449">
        <v>13306938.25</v>
      </c>
      <c r="H158" s="449">
        <v>1326963.2899999998</v>
      </c>
      <c r="I158" s="449">
        <v>6374290.9399999995</v>
      </c>
      <c r="J158" s="449">
        <v>5.7905395240321428E-2</v>
      </c>
      <c r="K158" s="449">
        <v>15517509.060000001</v>
      </c>
      <c r="L158" s="450"/>
      <c r="M158" s="163"/>
    </row>
    <row r="159" spans="1:13" ht="10.5" x14ac:dyDescent="0.2">
      <c r="A159" s="474" t="s">
        <v>726</v>
      </c>
      <c r="B159" s="451">
        <v>12685000</v>
      </c>
      <c r="C159" s="451">
        <v>12685000</v>
      </c>
      <c r="D159" s="451">
        <v>450413.46</v>
      </c>
      <c r="E159" s="451">
        <v>3132457.18</v>
      </c>
      <c r="F159" s="451">
        <v>2.4600456791305483E-2</v>
      </c>
      <c r="G159" s="451">
        <v>9552542.8200000003</v>
      </c>
      <c r="H159" s="451">
        <v>359740.91</v>
      </c>
      <c r="I159" s="451">
        <v>2764860.2599999984</v>
      </c>
      <c r="J159" s="451">
        <v>2.5116570242330011E-2</v>
      </c>
      <c r="K159" s="451">
        <v>9920139.7400000021</v>
      </c>
      <c r="L159" s="450"/>
    </row>
    <row r="160" spans="1:13" ht="10.5" x14ac:dyDescent="0.2">
      <c r="A160" s="474" t="s">
        <v>727</v>
      </c>
      <c r="B160" s="451">
        <v>8995800</v>
      </c>
      <c r="C160" s="451">
        <v>9206800</v>
      </c>
      <c r="D160" s="451">
        <v>1905200.4899999998</v>
      </c>
      <c r="E160" s="451">
        <v>5452404.5700000003</v>
      </c>
      <c r="F160" s="451">
        <v>4.2819944639435281E-2</v>
      </c>
      <c r="G160" s="451">
        <v>3754395.4299999997</v>
      </c>
      <c r="H160" s="451">
        <v>967222.37999999989</v>
      </c>
      <c r="I160" s="451">
        <v>3609430.6800000016</v>
      </c>
      <c r="J160" s="451">
        <v>3.2788824997991427E-2</v>
      </c>
      <c r="K160" s="451">
        <v>5597369.3199999984</v>
      </c>
      <c r="L160" s="450"/>
    </row>
    <row r="161" spans="1:13" ht="10.5" x14ac:dyDescent="0.2">
      <c r="A161" s="474"/>
      <c r="B161" s="451"/>
      <c r="C161" s="449"/>
      <c r="D161" s="449"/>
      <c r="E161" s="449"/>
      <c r="F161" s="449"/>
      <c r="G161" s="451"/>
      <c r="H161" s="449"/>
      <c r="I161" s="449"/>
      <c r="J161" s="449"/>
      <c r="K161" s="449"/>
      <c r="L161" s="450"/>
    </row>
    <row r="162" spans="1:13" s="73" customFormat="1" ht="10.5" x14ac:dyDescent="0.2">
      <c r="A162" s="150" t="s">
        <v>728</v>
      </c>
      <c r="B162" s="449">
        <v>3188200900</v>
      </c>
      <c r="C162" s="449">
        <v>3458524410</v>
      </c>
      <c r="D162" s="449">
        <v>145173848.90000001</v>
      </c>
      <c r="E162" s="449">
        <v>3165152874.1799998</v>
      </c>
      <c r="F162" s="449">
        <v>24.857229339409979</v>
      </c>
      <c r="G162" s="449">
        <v>293371535.81999999</v>
      </c>
      <c r="H162" s="449">
        <v>634447262.98999989</v>
      </c>
      <c r="I162" s="449">
        <v>2811396653.4500003</v>
      </c>
      <c r="J162" s="449">
        <v>25.539316596574935</v>
      </c>
      <c r="K162" s="449">
        <v>647127756.55000019</v>
      </c>
      <c r="L162" s="450"/>
      <c r="M162" s="163"/>
    </row>
    <row r="163" spans="1:13" s="370" customFormat="1" ht="10.5" x14ac:dyDescent="0.2">
      <c r="A163" s="369" t="s">
        <v>811</v>
      </c>
      <c r="B163" s="531">
        <v>902294300</v>
      </c>
      <c r="C163" s="451">
        <v>903730000</v>
      </c>
      <c r="D163" s="451">
        <v>107000000</v>
      </c>
      <c r="E163" s="451">
        <v>899788700</v>
      </c>
      <c r="F163" s="451">
        <v>7.0664056246269036</v>
      </c>
      <c r="G163" s="451">
        <v>3941300</v>
      </c>
      <c r="H163" s="451">
        <v>246726768.94999999</v>
      </c>
      <c r="I163" s="451">
        <v>826342124.30000007</v>
      </c>
      <c r="J163" s="451">
        <v>7.5066650960425614</v>
      </c>
      <c r="K163" s="451">
        <v>77387875.699999928</v>
      </c>
      <c r="L163" s="450"/>
      <c r="M163" s="431"/>
    </row>
    <row r="164" spans="1:13" ht="10.5" x14ac:dyDescent="0.2">
      <c r="A164" s="474" t="s">
        <v>729</v>
      </c>
      <c r="B164" s="451">
        <v>110205800</v>
      </c>
      <c r="C164" s="451">
        <v>112534800</v>
      </c>
      <c r="D164" s="451">
        <v>662606.93999999994</v>
      </c>
      <c r="E164" s="451">
        <v>111342816.59000002</v>
      </c>
      <c r="F164" s="451">
        <v>0.87442030046985231</v>
      </c>
      <c r="G164" s="451">
        <v>1191983.4099999815</v>
      </c>
      <c r="H164" s="451">
        <v>27062367.020000003</v>
      </c>
      <c r="I164" s="451">
        <v>100571048.80999991</v>
      </c>
      <c r="J164" s="451">
        <v>0.91360849165706626</v>
      </c>
      <c r="K164" s="451">
        <v>11963751.190000087</v>
      </c>
      <c r="L164" s="450"/>
    </row>
    <row r="165" spans="1:13" ht="10.5" x14ac:dyDescent="0.2">
      <c r="A165" s="474" t="s">
        <v>730</v>
      </c>
      <c r="B165" s="451">
        <v>25403600</v>
      </c>
      <c r="C165" s="451">
        <v>25122600</v>
      </c>
      <c r="D165" s="451">
        <v>1101932.76</v>
      </c>
      <c r="E165" s="451">
        <v>21619932.759999998</v>
      </c>
      <c r="F165" s="451">
        <v>0.16979010123078833</v>
      </c>
      <c r="G165" s="451">
        <v>3502667.2400000021</v>
      </c>
      <c r="H165" s="451">
        <v>4276566.12</v>
      </c>
      <c r="I165" s="451">
        <v>16136733.58</v>
      </c>
      <c r="J165" s="451">
        <v>0.14658947083417359</v>
      </c>
      <c r="K165" s="451">
        <v>8985866.4199999999</v>
      </c>
      <c r="L165" s="450"/>
    </row>
    <row r="166" spans="1:13" ht="10.5" x14ac:dyDescent="0.2">
      <c r="A166" s="474" t="s">
        <v>762</v>
      </c>
      <c r="B166" s="451">
        <v>1939605500</v>
      </c>
      <c r="C166" s="451">
        <v>1941649200</v>
      </c>
      <c r="D166" s="451">
        <v>2066700</v>
      </c>
      <c r="E166" s="451">
        <v>1934059900</v>
      </c>
      <c r="F166" s="451">
        <v>15.188956869235351</v>
      </c>
      <c r="G166" s="451">
        <v>7589300</v>
      </c>
      <c r="H166" s="451">
        <v>315582819.34999996</v>
      </c>
      <c r="I166" s="451">
        <v>1682094345.4799998</v>
      </c>
      <c r="J166" s="451">
        <v>15.280497677837273</v>
      </c>
      <c r="K166" s="451">
        <v>259554854.52000022</v>
      </c>
      <c r="L166" s="450"/>
    </row>
    <row r="167" spans="1:13" ht="10.5" x14ac:dyDescent="0.2">
      <c r="A167" s="474" t="s">
        <v>731</v>
      </c>
      <c r="B167" s="451">
        <v>210691700</v>
      </c>
      <c r="C167" s="451">
        <v>475487810</v>
      </c>
      <c r="D167" s="451">
        <v>34342609.199999996</v>
      </c>
      <c r="E167" s="451">
        <v>198341524.82999998</v>
      </c>
      <c r="F167" s="451">
        <v>1.5576564438470817</v>
      </c>
      <c r="G167" s="451">
        <v>277146285.17000002</v>
      </c>
      <c r="H167" s="451">
        <v>40798741.550000004</v>
      </c>
      <c r="I167" s="451">
        <v>186252401.28000009</v>
      </c>
      <c r="J167" s="451">
        <v>1.6919558602038574</v>
      </c>
      <c r="K167" s="451">
        <v>289235408.71999991</v>
      </c>
      <c r="L167" s="450"/>
    </row>
    <row r="168" spans="1:13" ht="10.5" customHeight="1" x14ac:dyDescent="0.2">
      <c r="A168" s="474"/>
      <c r="B168" s="451"/>
      <c r="C168" s="449"/>
      <c r="D168" s="449"/>
      <c r="E168" s="449"/>
      <c r="F168" s="449"/>
      <c r="G168" s="449"/>
      <c r="H168" s="449"/>
      <c r="I168" s="449"/>
      <c r="J168" s="449"/>
      <c r="K168" s="449"/>
      <c r="L168" s="450"/>
    </row>
    <row r="169" spans="1:13" s="73" customFormat="1" ht="10.5" customHeight="1" x14ac:dyDescent="0.2">
      <c r="A169" s="151" t="s">
        <v>732</v>
      </c>
      <c r="B169" s="449">
        <v>116875200</v>
      </c>
      <c r="C169" s="449">
        <v>51263053</v>
      </c>
      <c r="D169" s="449">
        <v>0</v>
      </c>
      <c r="E169" s="449">
        <v>0</v>
      </c>
      <c r="F169" s="449">
        <v>0</v>
      </c>
      <c r="G169" s="449">
        <v>51263053</v>
      </c>
      <c r="H169" s="449">
        <v>0</v>
      </c>
      <c r="I169" s="449">
        <v>0</v>
      </c>
      <c r="J169" s="449">
        <v>0</v>
      </c>
      <c r="K169" s="449">
        <v>51263053</v>
      </c>
      <c r="L169" s="450"/>
      <c r="M169" s="163"/>
    </row>
    <row r="170" spans="1:13" ht="10.5" x14ac:dyDescent="0.2">
      <c r="A170" s="24" t="s">
        <v>734</v>
      </c>
      <c r="B170" s="451">
        <v>28960200</v>
      </c>
      <c r="C170" s="451">
        <v>27020200</v>
      </c>
      <c r="D170" s="451">
        <v>0</v>
      </c>
      <c r="E170" s="451">
        <v>0</v>
      </c>
      <c r="F170" s="449">
        <v>0</v>
      </c>
      <c r="G170" s="451">
        <v>27020200</v>
      </c>
      <c r="H170" s="451">
        <v>0</v>
      </c>
      <c r="I170" s="451">
        <v>0</v>
      </c>
      <c r="J170" s="451">
        <v>0</v>
      </c>
      <c r="K170" s="451">
        <v>27020200</v>
      </c>
      <c r="L170" s="450"/>
    </row>
    <row r="171" spans="1:13" ht="11.25" customHeight="1" x14ac:dyDescent="0.2">
      <c r="A171" s="24" t="s">
        <v>733</v>
      </c>
      <c r="B171" s="451">
        <v>87915000</v>
      </c>
      <c r="C171" s="451">
        <v>24242853</v>
      </c>
      <c r="D171" s="451">
        <v>0</v>
      </c>
      <c r="E171" s="451">
        <v>0</v>
      </c>
      <c r="F171" s="449">
        <v>0</v>
      </c>
      <c r="G171" s="451">
        <v>24242853</v>
      </c>
      <c r="H171" s="451">
        <v>0</v>
      </c>
      <c r="I171" s="451">
        <v>0</v>
      </c>
      <c r="J171" s="451">
        <v>0</v>
      </c>
      <c r="K171" s="451">
        <v>24242853</v>
      </c>
      <c r="L171" s="450"/>
    </row>
    <row r="172" spans="1:13" ht="11.25" customHeight="1" x14ac:dyDescent="0.2">
      <c r="A172" s="24"/>
      <c r="B172" s="451"/>
      <c r="C172" s="451"/>
      <c r="D172" s="451"/>
      <c r="E172" s="451"/>
      <c r="F172" s="451"/>
      <c r="G172" s="451"/>
      <c r="H172" s="451"/>
      <c r="I172" s="451"/>
      <c r="J172" s="449"/>
      <c r="K172" s="449"/>
      <c r="L172" s="450"/>
    </row>
    <row r="173" spans="1:13" s="73" customFormat="1" ht="15" customHeight="1" x14ac:dyDescent="0.2">
      <c r="A173" s="150" t="s">
        <v>221</v>
      </c>
      <c r="B173" s="449">
        <v>931270300</v>
      </c>
      <c r="C173" s="449">
        <v>1870450005.8100004</v>
      </c>
      <c r="D173" s="449">
        <v>638136054.19000006</v>
      </c>
      <c r="E173" s="449">
        <v>1785847519.9600005</v>
      </c>
      <c r="F173" s="449">
        <v>14.024984932319503</v>
      </c>
      <c r="G173" s="449">
        <v>84602485.850000054</v>
      </c>
      <c r="H173" s="449">
        <v>581862223.78000009</v>
      </c>
      <c r="I173" s="449">
        <v>1581234518.9000003</v>
      </c>
      <c r="J173" s="449">
        <v>14.364265868376574</v>
      </c>
      <c r="K173" s="449">
        <v>289215486.91000003</v>
      </c>
      <c r="L173" s="450"/>
      <c r="M173" s="163"/>
    </row>
    <row r="174" spans="1:13" ht="15" customHeight="1" x14ac:dyDescent="0.2">
      <c r="A174" s="473" t="s">
        <v>222</v>
      </c>
      <c r="B174" s="384">
        <v>13057110000</v>
      </c>
      <c r="C174" s="384">
        <v>15184942467</v>
      </c>
      <c r="D174" s="384">
        <v>1922520254.6200001</v>
      </c>
      <c r="E174" s="384">
        <v>12733329330.320004</v>
      </c>
      <c r="F174" s="532">
        <v>100</v>
      </c>
      <c r="G174" s="384">
        <v>2451613136.6799994</v>
      </c>
      <c r="H174" s="384">
        <v>2622918007.8400002</v>
      </c>
      <c r="I174" s="384">
        <v>11008112307.230003</v>
      </c>
      <c r="J174" s="532">
        <v>100</v>
      </c>
      <c r="K174" s="533">
        <v>4176830159.7699971</v>
      </c>
      <c r="L174" s="240"/>
    </row>
    <row r="175" spans="1:13" ht="11.25" customHeight="1" x14ac:dyDescent="0.2">
      <c r="A175" s="72" t="s">
        <v>865</v>
      </c>
      <c r="L175" s="314"/>
    </row>
    <row r="176" spans="1:13" ht="11.25" customHeight="1" x14ac:dyDescent="0.2">
      <c r="A176" s="475"/>
      <c r="D176" s="212"/>
      <c r="I176" s="212"/>
    </row>
    <row r="177" spans="1:13" s="283" customFormat="1" ht="11.25" customHeight="1" x14ac:dyDescent="0.2">
      <c r="A177" s="475"/>
      <c r="B177" s="212"/>
      <c r="C177" s="212"/>
      <c r="D177" s="212"/>
      <c r="E177" s="212"/>
      <c r="F177" s="212"/>
      <c r="G177" s="212"/>
      <c r="H177" s="212"/>
      <c r="I177" s="212"/>
      <c r="J177" s="485"/>
      <c r="K177" s="485"/>
      <c r="L177" s="51"/>
      <c r="M177" s="225"/>
    </row>
    <row r="178" spans="1:13" s="283" customFormat="1" ht="11.25" customHeight="1" x14ac:dyDescent="0.2">
      <c r="A178" s="475"/>
      <c r="B178" s="485"/>
      <c r="C178" s="485"/>
      <c r="D178" s="212"/>
      <c r="E178" s="485"/>
      <c r="F178" s="485"/>
      <c r="G178" s="485"/>
      <c r="H178" s="485"/>
      <c r="I178" s="212"/>
      <c r="J178" s="485"/>
      <c r="K178" s="485"/>
      <c r="L178" s="51"/>
      <c r="M178" s="225"/>
    </row>
    <row r="179" spans="1:13" s="283" customFormat="1" ht="11.25" customHeight="1" x14ac:dyDescent="0.2">
      <c r="A179" s="475"/>
      <c r="B179" s="51"/>
      <c r="C179" s="51"/>
      <c r="D179" s="212"/>
      <c r="E179" s="51"/>
      <c r="F179" s="51"/>
      <c r="G179" s="51"/>
      <c r="H179" s="51"/>
      <c r="I179" s="212"/>
      <c r="J179" s="51"/>
      <c r="K179" s="51"/>
      <c r="L179" s="51"/>
      <c r="M179" s="225"/>
    </row>
    <row r="184" spans="1:13" s="51" customFormat="1" ht="11.25" customHeight="1" x14ac:dyDescent="0.2"/>
    <row r="185" spans="1:13" s="51" customFormat="1" ht="11.25" customHeight="1" x14ac:dyDescent="0.2"/>
    <row r="186" spans="1:13" s="51" customFormat="1" ht="11.25" customHeight="1" x14ac:dyDescent="0.2"/>
    <row r="187" spans="1:13" s="51" customFormat="1" ht="11.25" customHeight="1" x14ac:dyDescent="0.2"/>
    <row r="188" spans="1:13" s="51" customFormat="1" ht="11.25" customHeight="1" x14ac:dyDescent="0.2"/>
    <row r="189" spans="1:13" s="51" customFormat="1" ht="11.25" customHeight="1" x14ac:dyDescent="0.2"/>
    <row r="190" spans="1:13" s="51" customFormat="1" ht="11.25" customHeight="1" x14ac:dyDescent="0.2"/>
  </sheetData>
  <customSheetViews>
    <customSheetView guid="{C779D862-DE28-46CD-A428-4AAA1056D1E1}" showPageBreaks="1" showGridLines="0" fitToPage="1" printArea="1" topLeftCell="A2">
      <selection activeCell="I70" sqref="I70:J70"/>
      <pageMargins left="0.19685039370078741" right="0.19685039370078741" top="0.19685039370078741" bottom="0.19685039370078741" header="0" footer="0"/>
      <printOptions horizontalCentered="1"/>
      <pageSetup paperSize="9" scale="41" orientation="portrait" r:id="rId1"/>
      <headerFooter alignWithMargins="0"/>
    </customSheetView>
    <customSheetView guid="{82EDB5A4-4824-4632-A540-7A52C92F04C7}" showPageBreaks="1" showGridLines="0" fitToPage="1" printArea="1">
      <selection activeCell="G178" sqref="G178"/>
      <pageMargins left="0.19685039370078741" right="0.19685039370078741" top="0.19685039370078741" bottom="0.19685039370078741" header="0" footer="0"/>
      <printOptions horizontalCentered="1"/>
      <pageSetup paperSize="9" scale="41" orientation="portrait" r:id="rId2"/>
      <headerFooter alignWithMargins="0"/>
    </customSheetView>
    <customSheetView guid="{6DBFA32C-4AA4-4E1D-9A48-697377C64CC3}" showGridLines="0" fitToPage="1">
      <selection activeCell="G178" sqref="G178"/>
      <pageMargins left="0.19685039370078741" right="0.19685039370078741" top="0.19685039370078741" bottom="0.19685039370078741" header="0" footer="0"/>
      <printOptions horizontalCentered="1"/>
      <pageSetup paperSize="9" scale="41" orientation="portrait" r:id="rId3"/>
      <headerFooter alignWithMargins="0"/>
    </customSheetView>
    <customSheetView guid="{25EF1E0D-169B-4051-B414-7E1196FC05E4}" showGridLines="0" fitToPage="1" topLeftCell="A148">
      <selection activeCell="L13" sqref="L13"/>
      <pageMargins left="0.19685039370078741" right="0.19685039370078741" top="0.19685039370078741" bottom="0.19685039370078741" header="0" footer="0"/>
      <printOptions horizontalCentered="1"/>
      <pageSetup scale="42" fitToHeight="2"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3AAF6A5F-F9AA-430B-9AD9-1261ECDF41B5}" showPageBreaks="1" showGridLines="0" fitToPage="1" printArea="1">
      <pane xSplit="1" ySplit="12" topLeftCell="E159" activePane="bottomRight" state="frozen"/>
      <selection pane="bottomRight" activeCell="K174" sqref="K174"/>
      <pageMargins left="0.19685039370078741" right="0.19685039370078741" top="0.19685039370078741" bottom="0.19685039370078741" header="0" footer="0"/>
      <printOptions horizontalCentered="1"/>
      <pageSetup paperSize="9" scale="41"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40"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L166"/>
  <sheetViews>
    <sheetView showGridLines="0" zoomScaleNormal="100" workbookViewId="0"/>
  </sheetViews>
  <sheetFormatPr defaultColWidth="9.140625" defaultRowHeight="11.25" customHeight="1" x14ac:dyDescent="0.2"/>
  <cols>
    <col min="1" max="1" width="42.7109375" style="51" customWidth="1"/>
    <col min="2" max="2" width="17.5703125" style="51" bestFit="1" customWidth="1"/>
    <col min="3" max="3" width="19.140625" style="51" bestFit="1" customWidth="1"/>
    <col min="4" max="4" width="17.42578125" style="51" customWidth="1"/>
    <col min="5" max="5" width="20.28515625" style="51" customWidth="1"/>
    <col min="6" max="6" width="11" style="51" customWidth="1"/>
    <col min="7" max="7" width="17.42578125" style="51" bestFit="1" customWidth="1"/>
    <col min="8" max="8" width="17" style="51" customWidth="1"/>
    <col min="9" max="9" width="20.140625" style="51" customWidth="1"/>
    <col min="10" max="10" width="11" style="51" customWidth="1"/>
    <col min="11" max="11" width="17.7109375" style="51" customWidth="1"/>
    <col min="12" max="12" width="15.7109375" style="51" customWidth="1"/>
    <col min="13" max="16384" width="9.140625" style="196"/>
  </cols>
  <sheetData>
    <row r="1" spans="1:12" s="28" customFormat="1" ht="10.5" x14ac:dyDescent="0.2">
      <c r="A1" s="312"/>
      <c r="B1" s="312"/>
      <c r="C1" s="312"/>
      <c r="D1" s="312"/>
      <c r="E1" s="312"/>
      <c r="F1" s="312"/>
      <c r="G1" s="312"/>
      <c r="H1" s="312"/>
      <c r="I1" s="312"/>
      <c r="J1" s="312"/>
    </row>
    <row r="2" spans="1:12" s="28" customFormat="1" ht="10.5" x14ac:dyDescent="0.2">
      <c r="A2" s="198"/>
    </row>
    <row r="3" spans="1:12" s="51" customFormat="1" ht="10.5" x14ac:dyDescent="0.2">
      <c r="A3" s="681" t="s">
        <v>641</v>
      </c>
      <c r="B3" s="681"/>
      <c r="C3" s="681"/>
      <c r="D3" s="681"/>
      <c r="E3" s="681"/>
      <c r="F3" s="681"/>
      <c r="G3" s="681"/>
      <c r="H3" s="681"/>
      <c r="I3" s="681"/>
      <c r="J3" s="681"/>
      <c r="K3" s="681"/>
      <c r="L3" s="681"/>
    </row>
    <row r="4" spans="1:12" s="51" customFormat="1" ht="10.5" x14ac:dyDescent="0.2">
      <c r="A4" s="681" t="s">
        <v>105</v>
      </c>
      <c r="B4" s="681"/>
      <c r="C4" s="681"/>
      <c r="D4" s="681"/>
      <c r="E4" s="681"/>
      <c r="F4" s="681"/>
      <c r="G4" s="681"/>
      <c r="H4" s="681"/>
      <c r="I4" s="681"/>
      <c r="J4" s="681"/>
      <c r="K4" s="681"/>
      <c r="L4" s="681"/>
    </row>
    <row r="5" spans="1:12" s="51" customFormat="1" ht="10.5" x14ac:dyDescent="0.2">
      <c r="A5" s="681" t="s">
        <v>168</v>
      </c>
      <c r="B5" s="681"/>
      <c r="C5" s="681"/>
      <c r="D5" s="681"/>
      <c r="E5" s="681"/>
      <c r="F5" s="681"/>
      <c r="G5" s="681"/>
      <c r="H5" s="681"/>
      <c r="I5" s="681"/>
      <c r="J5" s="681"/>
      <c r="K5" s="681"/>
      <c r="L5" s="681"/>
    </row>
    <row r="6" spans="1:12" s="51" customFormat="1" ht="10.5" x14ac:dyDescent="0.2">
      <c r="A6" s="681" t="s">
        <v>107</v>
      </c>
      <c r="B6" s="681"/>
      <c r="C6" s="681"/>
      <c r="D6" s="681"/>
      <c r="E6" s="681"/>
      <c r="F6" s="681"/>
      <c r="G6" s="681"/>
      <c r="H6" s="681"/>
      <c r="I6" s="681"/>
      <c r="J6" s="681"/>
      <c r="K6" s="681"/>
      <c r="L6" s="681"/>
    </row>
    <row r="7" spans="1:12" s="51" customFormat="1" ht="10.5" x14ac:dyDescent="0.2">
      <c r="A7" s="681" t="s">
        <v>872</v>
      </c>
      <c r="B7" s="681"/>
      <c r="C7" s="681"/>
      <c r="D7" s="681"/>
      <c r="E7" s="681"/>
      <c r="F7" s="681"/>
      <c r="G7" s="681"/>
      <c r="H7" s="681"/>
      <c r="I7" s="681"/>
      <c r="J7" s="681"/>
      <c r="K7" s="681"/>
      <c r="L7" s="681"/>
    </row>
    <row r="8" spans="1:12" s="28" customFormat="1" ht="10.5" x14ac:dyDescent="0.2">
      <c r="A8" s="52"/>
      <c r="B8" s="52"/>
      <c r="C8" s="52"/>
      <c r="D8" s="52"/>
      <c r="E8" s="52"/>
      <c r="F8" s="52"/>
      <c r="G8" s="52"/>
      <c r="H8" s="52"/>
      <c r="I8" s="52"/>
      <c r="J8" s="52"/>
      <c r="K8" s="52"/>
      <c r="L8" s="52"/>
    </row>
    <row r="9" spans="1:12" s="28" customFormat="1" ht="10.5" x14ac:dyDescent="0.2">
      <c r="A9" s="28" t="s">
        <v>737</v>
      </c>
      <c r="B9" s="120"/>
      <c r="L9" s="234">
        <v>1</v>
      </c>
    </row>
    <row r="10" spans="1:12" ht="20.100000000000001" customHeight="1" x14ac:dyDescent="0.2">
      <c r="A10" s="741" t="s">
        <v>736</v>
      </c>
      <c r="B10" s="192" t="s">
        <v>157</v>
      </c>
      <c r="C10" s="192" t="s">
        <v>157</v>
      </c>
      <c r="D10" s="690" t="s">
        <v>158</v>
      </c>
      <c r="E10" s="691"/>
      <c r="F10" s="692"/>
      <c r="G10" s="667" t="s">
        <v>161</v>
      </c>
      <c r="H10" s="739" t="s">
        <v>159</v>
      </c>
      <c r="I10" s="740"/>
      <c r="J10" s="741"/>
      <c r="K10" s="667" t="s">
        <v>161</v>
      </c>
      <c r="L10" s="714" t="s">
        <v>735</v>
      </c>
    </row>
    <row r="11" spans="1:12" ht="20.100000000000001" customHeight="1" x14ac:dyDescent="0.2">
      <c r="A11" s="744"/>
      <c r="B11" s="194" t="s">
        <v>111</v>
      </c>
      <c r="C11" s="194" t="s">
        <v>112</v>
      </c>
      <c r="D11" s="742" t="s">
        <v>113</v>
      </c>
      <c r="E11" s="192" t="s">
        <v>115</v>
      </c>
      <c r="F11" s="192" t="s">
        <v>114</v>
      </c>
      <c r="G11" s="668"/>
      <c r="H11" s="742" t="s">
        <v>113</v>
      </c>
      <c r="I11" s="192" t="s">
        <v>115</v>
      </c>
      <c r="J11" s="192" t="s">
        <v>114</v>
      </c>
      <c r="K11" s="668"/>
      <c r="L11" s="716"/>
    </row>
    <row r="12" spans="1:12" s="423" customFormat="1" ht="20.100000000000001" customHeight="1" x14ac:dyDescent="0.2">
      <c r="A12" s="745"/>
      <c r="B12" s="420"/>
      <c r="C12" s="421" t="s">
        <v>116</v>
      </c>
      <c r="D12" s="743"/>
      <c r="E12" s="421" t="s">
        <v>117</v>
      </c>
      <c r="F12" s="421" t="s">
        <v>59</v>
      </c>
      <c r="G12" s="422" t="s">
        <v>280</v>
      </c>
      <c r="H12" s="743"/>
      <c r="I12" s="421" t="s">
        <v>162</v>
      </c>
      <c r="J12" s="421" t="s">
        <v>545</v>
      </c>
      <c r="K12" s="422" t="s">
        <v>544</v>
      </c>
      <c r="L12" s="718"/>
    </row>
    <row r="13" spans="1:12" s="21" customFormat="1" ht="10.5" x14ac:dyDescent="0.2">
      <c r="A13" s="150"/>
      <c r="B13" s="26"/>
      <c r="C13" s="25"/>
      <c r="D13" s="25"/>
      <c r="E13" s="25"/>
      <c r="F13" s="25"/>
      <c r="G13" s="364"/>
      <c r="H13" s="364"/>
      <c r="I13" s="364"/>
      <c r="J13" s="209"/>
      <c r="K13" s="209"/>
      <c r="L13" s="313"/>
    </row>
    <row r="14" spans="1:12" s="193" customFormat="1" ht="10.5" x14ac:dyDescent="0.2">
      <c r="A14" s="150" t="s">
        <v>642</v>
      </c>
      <c r="B14" s="449">
        <v>37550000</v>
      </c>
      <c r="C14" s="449">
        <v>39460000</v>
      </c>
      <c r="D14" s="449">
        <v>2880287.96</v>
      </c>
      <c r="E14" s="449">
        <v>32794762.840000004</v>
      </c>
      <c r="F14" s="534">
        <v>1.8363697053337755</v>
      </c>
      <c r="G14" s="449">
        <v>6665237.1599999983</v>
      </c>
      <c r="H14" s="449">
        <v>6378655.6200000001</v>
      </c>
      <c r="I14" s="449">
        <v>30072208.570000008</v>
      </c>
      <c r="J14" s="534">
        <v>1.9018183710611127</v>
      </c>
      <c r="K14" s="535">
        <v>9387791.4299999941</v>
      </c>
      <c r="L14" s="536">
        <v>0</v>
      </c>
    </row>
    <row r="15" spans="1:12" ht="10.5" x14ac:dyDescent="0.2">
      <c r="A15" s="197" t="s">
        <v>643</v>
      </c>
      <c r="B15" s="462">
        <v>21000000</v>
      </c>
      <c r="C15" s="462">
        <v>20000000</v>
      </c>
      <c r="D15" s="462">
        <v>2880287.96</v>
      </c>
      <c r="E15" s="462">
        <v>15554762.840000002</v>
      </c>
      <c r="F15" s="537">
        <v>0.87100173257504077</v>
      </c>
      <c r="G15" s="451">
        <v>4445237.1599999983</v>
      </c>
      <c r="H15" s="462">
        <v>3397102.38</v>
      </c>
      <c r="I15" s="462">
        <v>15554762.840000002</v>
      </c>
      <c r="J15" s="537">
        <v>0.98371004769240744</v>
      </c>
      <c r="K15" s="529">
        <v>4445237.1599999983</v>
      </c>
      <c r="L15" s="488">
        <v>0</v>
      </c>
    </row>
    <row r="16" spans="1:12" ht="10.5" x14ac:dyDescent="0.2">
      <c r="A16" s="197" t="s">
        <v>644</v>
      </c>
      <c r="B16" s="462">
        <v>16550000</v>
      </c>
      <c r="C16" s="462">
        <v>19460000</v>
      </c>
      <c r="D16" s="462">
        <v>0</v>
      </c>
      <c r="E16" s="462">
        <v>17240000</v>
      </c>
      <c r="F16" s="537">
        <v>0.96536797275873476</v>
      </c>
      <c r="G16" s="451">
        <v>2220000</v>
      </c>
      <c r="H16" s="462">
        <v>2981553.24</v>
      </c>
      <c r="I16" s="462">
        <v>14517445.730000004</v>
      </c>
      <c r="J16" s="537">
        <v>0.91810832336870518</v>
      </c>
      <c r="K16" s="529">
        <v>4942554.2699999958</v>
      </c>
      <c r="L16" s="488">
        <v>0</v>
      </c>
    </row>
    <row r="17" spans="1:12" ht="10.5" x14ac:dyDescent="0.2">
      <c r="A17" s="197"/>
      <c r="B17" s="462"/>
      <c r="C17" s="462"/>
      <c r="D17" s="462"/>
      <c r="E17" s="462"/>
      <c r="F17" s="529"/>
      <c r="G17" s="451"/>
      <c r="H17" s="462"/>
      <c r="I17" s="462"/>
      <c r="J17" s="529"/>
      <c r="K17" s="488"/>
      <c r="L17" s="488"/>
    </row>
    <row r="18" spans="1:12" s="73" customFormat="1" ht="10.5" x14ac:dyDescent="0.2">
      <c r="A18" s="150" t="s">
        <v>645</v>
      </c>
      <c r="B18" s="449">
        <v>85050000</v>
      </c>
      <c r="C18" s="449">
        <v>93840000</v>
      </c>
      <c r="D18" s="449">
        <v>7110000</v>
      </c>
      <c r="E18" s="449">
        <v>93610000</v>
      </c>
      <c r="F18" s="534">
        <v>5.2417689054492556</v>
      </c>
      <c r="G18" s="449">
        <v>230000</v>
      </c>
      <c r="H18" s="449">
        <v>16102385.829999998</v>
      </c>
      <c r="I18" s="449">
        <v>79600252.760000035</v>
      </c>
      <c r="J18" s="534">
        <v>5.0340573652145313</v>
      </c>
      <c r="K18" s="535">
        <v>14239747.239999965</v>
      </c>
      <c r="L18" s="341">
        <v>0</v>
      </c>
    </row>
    <row r="19" spans="1:12" ht="10.5" x14ac:dyDescent="0.2">
      <c r="A19" s="197" t="s">
        <v>646</v>
      </c>
      <c r="B19" s="451">
        <v>85050000</v>
      </c>
      <c r="C19" s="451">
        <v>93840000</v>
      </c>
      <c r="D19" s="451">
        <v>7110000</v>
      </c>
      <c r="E19" s="451">
        <v>93610000</v>
      </c>
      <c r="F19" s="537">
        <v>5.2417689054492556</v>
      </c>
      <c r="G19" s="451">
        <v>230000</v>
      </c>
      <c r="H19" s="451">
        <v>16102385.829999998</v>
      </c>
      <c r="I19" s="451">
        <v>79600252.760000035</v>
      </c>
      <c r="J19" s="537">
        <v>5.0340573652145313</v>
      </c>
      <c r="K19" s="529">
        <v>14239747.239999965</v>
      </c>
      <c r="L19" s="488">
        <v>0</v>
      </c>
    </row>
    <row r="20" spans="1:12" ht="10.5" x14ac:dyDescent="0.2">
      <c r="A20" s="197"/>
      <c r="B20" s="451"/>
      <c r="C20" s="451"/>
      <c r="D20" s="451"/>
      <c r="E20" s="451"/>
      <c r="F20" s="529"/>
      <c r="G20" s="451"/>
      <c r="H20" s="451"/>
      <c r="I20" s="451"/>
      <c r="J20" s="529"/>
      <c r="K20" s="488"/>
      <c r="L20" s="488"/>
    </row>
    <row r="21" spans="1:12" s="73" customFormat="1" ht="10.5" x14ac:dyDescent="0.2">
      <c r="A21" s="168" t="s">
        <v>763</v>
      </c>
      <c r="B21" s="449">
        <v>79105300</v>
      </c>
      <c r="C21" s="449">
        <v>108463653</v>
      </c>
      <c r="D21" s="449">
        <v>37196855.259999998</v>
      </c>
      <c r="E21" s="449">
        <v>92068960.140000001</v>
      </c>
      <c r="F21" s="534">
        <v>5.1554771116216109</v>
      </c>
      <c r="G21" s="449">
        <v>16394692.859999999</v>
      </c>
      <c r="H21" s="449">
        <v>39780512.440000005</v>
      </c>
      <c r="I21" s="449">
        <v>84972846.699999988</v>
      </c>
      <c r="J21" s="534">
        <v>5.3738294784452396</v>
      </c>
      <c r="K21" s="535">
        <v>23490806.300000008</v>
      </c>
      <c r="L21" s="341">
        <v>0</v>
      </c>
    </row>
    <row r="22" spans="1:12" ht="10.5" x14ac:dyDescent="0.2">
      <c r="A22" s="197" t="s">
        <v>647</v>
      </c>
      <c r="B22" s="451">
        <v>32882400</v>
      </c>
      <c r="C22" s="451">
        <v>32882400</v>
      </c>
      <c r="D22" s="451">
        <v>5268855.1999999993</v>
      </c>
      <c r="E22" s="451">
        <v>26088175.5</v>
      </c>
      <c r="F22" s="537">
        <v>1.4608288338404347</v>
      </c>
      <c r="G22" s="451">
        <v>6794224.5</v>
      </c>
      <c r="H22" s="451">
        <v>5268855.1999999993</v>
      </c>
      <c r="I22" s="451">
        <v>26088125.5</v>
      </c>
      <c r="J22" s="537">
        <v>1.649858081655619</v>
      </c>
      <c r="K22" s="529">
        <v>6794274.5</v>
      </c>
      <c r="L22" s="488">
        <v>0</v>
      </c>
    </row>
    <row r="23" spans="1:12" ht="10.5" x14ac:dyDescent="0.2">
      <c r="A23" s="197" t="s">
        <v>648</v>
      </c>
      <c r="B23" s="451">
        <v>24242900</v>
      </c>
      <c r="C23" s="451">
        <v>35188738</v>
      </c>
      <c r="D23" s="451">
        <v>17114338</v>
      </c>
      <c r="E23" s="451">
        <v>28479595.299999997</v>
      </c>
      <c r="F23" s="537">
        <v>1.5947383514936304</v>
      </c>
      <c r="G23" s="451">
        <v>6709142.700000003</v>
      </c>
      <c r="H23" s="451">
        <v>18970736.900000002</v>
      </c>
      <c r="I23" s="451">
        <v>26909378.00999999</v>
      </c>
      <c r="J23" s="537">
        <v>1.7017955077732387</v>
      </c>
      <c r="K23" s="529">
        <v>8279359.9900000095</v>
      </c>
      <c r="L23" s="488">
        <v>0</v>
      </c>
    </row>
    <row r="24" spans="1:12" ht="10.5" x14ac:dyDescent="0.2">
      <c r="A24" s="197" t="s">
        <v>655</v>
      </c>
      <c r="B24" s="451">
        <v>20000</v>
      </c>
      <c r="C24" s="451">
        <v>20000</v>
      </c>
      <c r="D24" s="451">
        <v>0</v>
      </c>
      <c r="E24" s="451">
        <v>0</v>
      </c>
      <c r="F24" s="537">
        <v>0</v>
      </c>
      <c r="G24" s="451">
        <v>20000</v>
      </c>
      <c r="H24" s="451">
        <v>0</v>
      </c>
      <c r="I24" s="451">
        <v>0</v>
      </c>
      <c r="J24" s="537">
        <v>0</v>
      </c>
      <c r="K24" s="529">
        <v>20000</v>
      </c>
      <c r="L24" s="488">
        <v>0</v>
      </c>
    </row>
    <row r="25" spans="1:12" ht="10.5" x14ac:dyDescent="0.2">
      <c r="A25" s="197" t="s">
        <v>687</v>
      </c>
      <c r="B25" s="451">
        <v>21960000</v>
      </c>
      <c r="C25" s="451">
        <v>40372515</v>
      </c>
      <c r="D25" s="451">
        <v>14813662.060000001</v>
      </c>
      <c r="E25" s="451">
        <v>37501189.340000004</v>
      </c>
      <c r="F25" s="537">
        <v>2.0999099262875456</v>
      </c>
      <c r="G25" s="451">
        <v>2871325.6599999964</v>
      </c>
      <c r="H25" s="451">
        <v>15540920.340000002</v>
      </c>
      <c r="I25" s="451">
        <v>31975343.190000001</v>
      </c>
      <c r="J25" s="537">
        <v>2.0221758890163826</v>
      </c>
      <c r="K25" s="529">
        <v>8397171.8099999987</v>
      </c>
      <c r="L25" s="488">
        <v>0</v>
      </c>
    </row>
    <row r="26" spans="1:12" ht="10.5" x14ac:dyDescent="0.2">
      <c r="A26" s="197"/>
      <c r="B26" s="451"/>
      <c r="C26" s="451"/>
      <c r="D26" s="451"/>
      <c r="E26" s="451"/>
      <c r="F26" s="529"/>
      <c r="G26" s="451"/>
      <c r="H26" s="451"/>
      <c r="I26" s="451"/>
      <c r="J26" s="529"/>
      <c r="K26" s="488"/>
      <c r="L26" s="488"/>
    </row>
    <row r="27" spans="1:12" s="73" customFormat="1" ht="10.5" x14ac:dyDescent="0.2">
      <c r="A27" s="150" t="s">
        <v>649</v>
      </c>
      <c r="B27" s="449">
        <v>100140000</v>
      </c>
      <c r="C27" s="449">
        <v>308971881.93000001</v>
      </c>
      <c r="D27" s="449">
        <v>99912281.200000003</v>
      </c>
      <c r="E27" s="449">
        <v>292810366.19999999</v>
      </c>
      <c r="F27" s="534">
        <v>16.396157170605381</v>
      </c>
      <c r="G27" s="449">
        <v>16161515.730000034</v>
      </c>
      <c r="H27" s="449">
        <v>101252472.57000001</v>
      </c>
      <c r="I27" s="449">
        <v>289152622.24000001</v>
      </c>
      <c r="J27" s="534">
        <v>18.286510873867819</v>
      </c>
      <c r="K27" s="535">
        <v>19819259.689999998</v>
      </c>
      <c r="L27" s="341">
        <v>0</v>
      </c>
    </row>
    <row r="28" spans="1:12" ht="10.5" x14ac:dyDescent="0.2">
      <c r="A28" s="197" t="s">
        <v>651</v>
      </c>
      <c r="B28" s="451">
        <v>8140000</v>
      </c>
      <c r="C28" s="451">
        <v>49661558.93</v>
      </c>
      <c r="D28" s="451">
        <v>22985958.199999999</v>
      </c>
      <c r="E28" s="451">
        <v>43884043.199999996</v>
      </c>
      <c r="F28" s="537">
        <v>2.4573230754315976</v>
      </c>
      <c r="G28" s="451">
        <v>5777515.7300000042</v>
      </c>
      <c r="H28" s="451">
        <v>24253075.510000002</v>
      </c>
      <c r="I28" s="451">
        <v>42529440.699999981</v>
      </c>
      <c r="J28" s="537">
        <v>2.6896352306795048</v>
      </c>
      <c r="K28" s="529">
        <v>7132118.2300000191</v>
      </c>
      <c r="L28" s="488">
        <v>0</v>
      </c>
    </row>
    <row r="29" spans="1:12" ht="10.5" x14ac:dyDescent="0.2">
      <c r="A29" s="197" t="s">
        <v>652</v>
      </c>
      <c r="B29" s="451">
        <v>92000000</v>
      </c>
      <c r="C29" s="451">
        <v>259226323</v>
      </c>
      <c r="D29" s="451">
        <v>76926323</v>
      </c>
      <c r="E29" s="451">
        <v>248926322.99999997</v>
      </c>
      <c r="F29" s="537">
        <v>13.938834095173783</v>
      </c>
      <c r="G29" s="451">
        <v>10300000.00000003</v>
      </c>
      <c r="H29" s="451">
        <v>76999397.060000002</v>
      </c>
      <c r="I29" s="451">
        <v>246623181.54000002</v>
      </c>
      <c r="J29" s="537">
        <v>15.59687564318831</v>
      </c>
      <c r="K29" s="529">
        <v>12603141.459999979</v>
      </c>
      <c r="L29" s="488">
        <v>0</v>
      </c>
    </row>
    <row r="30" spans="1:12" ht="10.5" x14ac:dyDescent="0.2">
      <c r="A30" s="197" t="s">
        <v>653</v>
      </c>
      <c r="B30" s="451">
        <v>0</v>
      </c>
      <c r="C30" s="451">
        <v>84000</v>
      </c>
      <c r="D30" s="451">
        <v>0</v>
      </c>
      <c r="E30" s="451">
        <v>0</v>
      </c>
      <c r="F30" s="537">
        <v>0</v>
      </c>
      <c r="G30" s="451">
        <v>84000</v>
      </c>
      <c r="H30" s="451">
        <v>0</v>
      </c>
      <c r="I30" s="451">
        <v>0</v>
      </c>
      <c r="J30" s="537">
        <v>0</v>
      </c>
      <c r="K30" s="529">
        <v>84000</v>
      </c>
      <c r="L30" s="488">
        <v>0</v>
      </c>
    </row>
    <row r="31" spans="1:12" ht="10.5" x14ac:dyDescent="0.2">
      <c r="A31" s="197" t="s">
        <v>654</v>
      </c>
      <c r="B31" s="451">
        <v>0</v>
      </c>
      <c r="C31" s="451">
        <v>0</v>
      </c>
      <c r="D31" s="451">
        <v>0</v>
      </c>
      <c r="E31" s="451"/>
      <c r="F31" s="537">
        <v>0</v>
      </c>
      <c r="G31" s="451">
        <v>0</v>
      </c>
      <c r="H31" s="451">
        <v>0</v>
      </c>
      <c r="I31" s="451">
        <v>0</v>
      </c>
      <c r="J31" s="537">
        <v>0</v>
      </c>
      <c r="K31" s="529">
        <v>0</v>
      </c>
      <c r="L31" s="488">
        <v>0</v>
      </c>
    </row>
    <row r="32" spans="1:12" ht="10.5" x14ac:dyDescent="0.2">
      <c r="A32" s="197"/>
      <c r="B32" s="451"/>
      <c r="C32" s="451"/>
      <c r="D32" s="451"/>
      <c r="E32" s="451"/>
      <c r="F32" s="529"/>
      <c r="G32" s="451"/>
      <c r="H32" s="451"/>
      <c r="I32" s="451"/>
      <c r="J32" s="529"/>
      <c r="K32" s="488"/>
      <c r="L32" s="488"/>
    </row>
    <row r="33" spans="1:12" s="73" customFormat="1" ht="10.5" x14ac:dyDescent="0.2">
      <c r="A33" s="150" t="s">
        <v>658</v>
      </c>
      <c r="B33" s="449">
        <v>270960000</v>
      </c>
      <c r="C33" s="449">
        <v>421754833.85000002</v>
      </c>
      <c r="D33" s="449">
        <v>137573518.66</v>
      </c>
      <c r="E33" s="449">
        <v>420619557.81</v>
      </c>
      <c r="F33" s="534">
        <v>23.552937924925473</v>
      </c>
      <c r="G33" s="449">
        <v>1135276.0400000215</v>
      </c>
      <c r="H33" s="449">
        <v>72280181.170000032</v>
      </c>
      <c r="I33" s="449">
        <v>346845274.83000004</v>
      </c>
      <c r="J33" s="534">
        <v>21.935093794390852</v>
      </c>
      <c r="K33" s="535">
        <v>74909559.019999981</v>
      </c>
      <c r="L33" s="341">
        <v>0</v>
      </c>
    </row>
    <row r="34" spans="1:12" ht="10.5" x14ac:dyDescent="0.2">
      <c r="A34" s="197" t="s">
        <v>659</v>
      </c>
      <c r="B34" s="451">
        <v>270960000</v>
      </c>
      <c r="C34" s="451">
        <v>421754833.85000002</v>
      </c>
      <c r="D34" s="451">
        <v>137573518.66</v>
      </c>
      <c r="E34" s="451">
        <v>420619557.81</v>
      </c>
      <c r="F34" s="537">
        <v>23.552937924925473</v>
      </c>
      <c r="G34" s="451">
        <v>1135276.0400000215</v>
      </c>
      <c r="H34" s="451">
        <v>72280181.170000032</v>
      </c>
      <c r="I34" s="451">
        <v>346845274.83000004</v>
      </c>
      <c r="J34" s="537">
        <v>21.935093794390852</v>
      </c>
      <c r="K34" s="529">
        <v>74909559.019999981</v>
      </c>
      <c r="L34" s="488">
        <v>0</v>
      </c>
    </row>
    <row r="35" spans="1:12" ht="10.5" x14ac:dyDescent="0.2">
      <c r="A35" s="197"/>
      <c r="B35" s="451"/>
      <c r="C35" s="451"/>
      <c r="D35" s="451"/>
      <c r="E35" s="451"/>
      <c r="F35" s="529"/>
      <c r="G35" s="451"/>
      <c r="H35" s="451"/>
      <c r="I35" s="451"/>
      <c r="J35" s="529"/>
      <c r="K35" s="488"/>
      <c r="L35" s="488"/>
    </row>
    <row r="36" spans="1:12" s="73" customFormat="1" ht="10.5" x14ac:dyDescent="0.2">
      <c r="A36" s="150" t="s">
        <v>661</v>
      </c>
      <c r="B36" s="449">
        <v>620000</v>
      </c>
      <c r="C36" s="449">
        <v>9562655</v>
      </c>
      <c r="D36" s="449">
        <v>2945597.66</v>
      </c>
      <c r="E36" s="449">
        <v>9014826.7800000031</v>
      </c>
      <c r="F36" s="534">
        <v>0.5047926365069465</v>
      </c>
      <c r="G36" s="449">
        <v>547828.21999999695</v>
      </c>
      <c r="H36" s="449">
        <v>3842792.1500000004</v>
      </c>
      <c r="I36" s="449">
        <v>7802578.1400000006</v>
      </c>
      <c r="J36" s="534">
        <v>0.49344850790557826</v>
      </c>
      <c r="K36" s="535">
        <v>1760076.8599999994</v>
      </c>
      <c r="L36" s="341">
        <v>0</v>
      </c>
    </row>
    <row r="37" spans="1:12" ht="10.5" x14ac:dyDescent="0.2">
      <c r="A37" s="197" t="s">
        <v>662</v>
      </c>
      <c r="B37" s="451">
        <v>620000</v>
      </c>
      <c r="C37" s="451">
        <v>9562655</v>
      </c>
      <c r="D37" s="451">
        <v>2945597.66</v>
      </c>
      <c r="E37" s="451">
        <v>9014826.7800000031</v>
      </c>
      <c r="F37" s="537">
        <v>0.5047926365069465</v>
      </c>
      <c r="G37" s="451">
        <v>547828.21999999695</v>
      </c>
      <c r="H37" s="451">
        <v>3842792.1500000004</v>
      </c>
      <c r="I37" s="451">
        <v>7802578.1400000006</v>
      </c>
      <c r="J37" s="537">
        <v>0.49344850790557826</v>
      </c>
      <c r="K37" s="529">
        <v>1760076.8599999994</v>
      </c>
      <c r="L37" s="488">
        <v>0</v>
      </c>
    </row>
    <row r="38" spans="1:12" ht="10.5" x14ac:dyDescent="0.2">
      <c r="A38" s="197"/>
      <c r="B38" s="451"/>
      <c r="C38" s="451"/>
      <c r="D38" s="451"/>
      <c r="E38" s="451"/>
      <c r="F38" s="529"/>
      <c r="G38" s="451"/>
      <c r="H38" s="451"/>
      <c r="I38" s="451"/>
      <c r="J38" s="529"/>
      <c r="K38" s="488"/>
      <c r="L38" s="488"/>
    </row>
    <row r="39" spans="1:12" s="73" customFormat="1" ht="10.5" x14ac:dyDescent="0.2">
      <c r="A39" s="150" t="s">
        <v>663</v>
      </c>
      <c r="B39" s="449">
        <v>30000</v>
      </c>
      <c r="C39" s="449">
        <v>30000</v>
      </c>
      <c r="D39" s="449">
        <v>0</v>
      </c>
      <c r="E39" s="449">
        <v>0</v>
      </c>
      <c r="F39" s="534">
        <v>0</v>
      </c>
      <c r="G39" s="449">
        <v>30000</v>
      </c>
      <c r="H39" s="449">
        <v>0</v>
      </c>
      <c r="I39" s="449">
        <v>0</v>
      </c>
      <c r="J39" s="534">
        <v>0</v>
      </c>
      <c r="K39" s="535">
        <v>30000</v>
      </c>
      <c r="L39" s="341">
        <v>0</v>
      </c>
    </row>
    <row r="40" spans="1:12" ht="10.5" x14ac:dyDescent="0.2">
      <c r="A40" s="197" t="s">
        <v>664</v>
      </c>
      <c r="B40" s="451">
        <v>30000</v>
      </c>
      <c r="C40" s="451">
        <v>30000</v>
      </c>
      <c r="D40" s="451">
        <v>0</v>
      </c>
      <c r="E40" s="451">
        <v>0</v>
      </c>
      <c r="F40" s="537">
        <v>0</v>
      </c>
      <c r="G40" s="451">
        <v>30000</v>
      </c>
      <c r="H40" s="451">
        <v>0</v>
      </c>
      <c r="I40" s="451">
        <v>0</v>
      </c>
      <c r="J40" s="537">
        <v>0</v>
      </c>
      <c r="K40" s="529">
        <v>30000</v>
      </c>
      <c r="L40" s="488">
        <v>0</v>
      </c>
    </row>
    <row r="41" spans="1:12" ht="10.5" x14ac:dyDescent="0.2">
      <c r="A41" s="197"/>
      <c r="B41" s="451"/>
      <c r="C41" s="451"/>
      <c r="D41" s="451"/>
      <c r="E41" s="451"/>
      <c r="F41" s="529"/>
      <c r="G41" s="451"/>
      <c r="H41" s="451"/>
      <c r="I41" s="451"/>
      <c r="J41" s="529"/>
      <c r="K41" s="488"/>
      <c r="L41" s="488"/>
    </row>
    <row r="42" spans="1:12" s="73" customFormat="1" ht="10.5" x14ac:dyDescent="0.2">
      <c r="A42" s="150" t="s">
        <v>665</v>
      </c>
      <c r="B42" s="449">
        <v>16642800</v>
      </c>
      <c r="C42" s="449">
        <v>148357035</v>
      </c>
      <c r="D42" s="449">
        <v>78889862.359999985</v>
      </c>
      <c r="E42" s="449">
        <v>136226590.50000003</v>
      </c>
      <c r="F42" s="534">
        <v>7.6281199249895222</v>
      </c>
      <c r="G42" s="449">
        <v>12130444.49999997</v>
      </c>
      <c r="H42" s="449">
        <v>67419414.200000003</v>
      </c>
      <c r="I42" s="449">
        <v>107948265.69</v>
      </c>
      <c r="J42" s="534">
        <v>6.8268346282432004</v>
      </c>
      <c r="K42" s="535">
        <v>40408769.31000001</v>
      </c>
      <c r="L42" s="341">
        <v>0</v>
      </c>
    </row>
    <row r="43" spans="1:12" ht="10.5" x14ac:dyDescent="0.2">
      <c r="A43" s="197" t="s">
        <v>651</v>
      </c>
      <c r="B43" s="451">
        <v>16512800</v>
      </c>
      <c r="C43" s="451">
        <v>101635755</v>
      </c>
      <c r="D43" s="451">
        <v>63842582.359999992</v>
      </c>
      <c r="E43" s="451">
        <v>97836597.50000003</v>
      </c>
      <c r="F43" s="537">
        <v>5.478440707087433</v>
      </c>
      <c r="G43" s="451">
        <v>3799157.4999999702</v>
      </c>
      <c r="H43" s="451">
        <v>63498026.049999997</v>
      </c>
      <c r="I43" s="451">
        <v>88119526.139999986</v>
      </c>
      <c r="J43" s="537">
        <v>5.5728309170293793</v>
      </c>
      <c r="K43" s="529">
        <v>13516228.860000014</v>
      </c>
      <c r="L43" s="488">
        <v>0</v>
      </c>
    </row>
    <row r="44" spans="1:12" ht="10.5" x14ac:dyDescent="0.2">
      <c r="A44" s="197" t="s">
        <v>655</v>
      </c>
      <c r="B44" s="451">
        <v>0</v>
      </c>
      <c r="C44" s="451">
        <v>0</v>
      </c>
      <c r="D44" s="451">
        <v>0</v>
      </c>
      <c r="E44" s="451">
        <v>0</v>
      </c>
      <c r="F44" s="537">
        <v>0</v>
      </c>
      <c r="G44" s="451">
        <v>0</v>
      </c>
      <c r="H44" s="451"/>
      <c r="I44" s="451"/>
      <c r="J44" s="537">
        <v>0</v>
      </c>
      <c r="K44" s="529">
        <v>0</v>
      </c>
      <c r="L44" s="488">
        <v>0</v>
      </c>
    </row>
    <row r="45" spans="1:12" ht="10.5" x14ac:dyDescent="0.2">
      <c r="A45" s="197" t="s">
        <v>668</v>
      </c>
      <c r="B45" s="451">
        <v>0</v>
      </c>
      <c r="C45" s="451">
        <v>46591280</v>
      </c>
      <c r="D45" s="451">
        <v>15047280</v>
      </c>
      <c r="E45" s="451">
        <v>38389993</v>
      </c>
      <c r="F45" s="537">
        <v>2.1496792179020896</v>
      </c>
      <c r="G45" s="451">
        <v>8201287</v>
      </c>
      <c r="H45" s="451">
        <v>3921388.1500000004</v>
      </c>
      <c r="I45" s="451">
        <v>19828739.550000004</v>
      </c>
      <c r="J45" s="537">
        <v>1.2540037112138205</v>
      </c>
      <c r="K45" s="529">
        <v>26762540.449999996</v>
      </c>
      <c r="L45" s="488">
        <v>0</v>
      </c>
    </row>
    <row r="46" spans="1:12" ht="10.5" x14ac:dyDescent="0.2">
      <c r="A46" s="197" t="s">
        <v>764</v>
      </c>
      <c r="B46" s="451">
        <v>27000</v>
      </c>
      <c r="C46" s="451">
        <v>27000</v>
      </c>
      <c r="D46" s="451">
        <v>0</v>
      </c>
      <c r="E46" s="451">
        <v>0</v>
      </c>
      <c r="F46" s="537">
        <v>0</v>
      </c>
      <c r="G46" s="451">
        <v>27000</v>
      </c>
      <c r="H46" s="451">
        <v>0</v>
      </c>
      <c r="I46" s="451">
        <v>0</v>
      </c>
      <c r="J46" s="537">
        <v>0</v>
      </c>
      <c r="K46" s="529">
        <v>27000</v>
      </c>
      <c r="L46" s="488">
        <v>0</v>
      </c>
    </row>
    <row r="47" spans="1:12" ht="10.5" x14ac:dyDescent="0.2">
      <c r="A47" s="197" t="s">
        <v>670</v>
      </c>
      <c r="B47" s="451">
        <v>90000</v>
      </c>
      <c r="C47" s="451">
        <v>90000</v>
      </c>
      <c r="D47" s="451">
        <v>0</v>
      </c>
      <c r="E47" s="451">
        <v>0</v>
      </c>
      <c r="F47" s="537">
        <v>0</v>
      </c>
      <c r="G47" s="451">
        <v>90000</v>
      </c>
      <c r="H47" s="451">
        <v>0</v>
      </c>
      <c r="I47" s="451">
        <v>0</v>
      </c>
      <c r="J47" s="537">
        <v>0</v>
      </c>
      <c r="K47" s="529">
        <v>90000</v>
      </c>
      <c r="L47" s="488">
        <v>0</v>
      </c>
    </row>
    <row r="48" spans="1:12" s="283" customFormat="1" ht="10.5" x14ac:dyDescent="0.2">
      <c r="A48" s="197" t="s">
        <v>812</v>
      </c>
      <c r="B48" s="451">
        <v>13000</v>
      </c>
      <c r="C48" s="451">
        <v>13000</v>
      </c>
      <c r="D48" s="451">
        <v>0</v>
      </c>
      <c r="E48" s="451">
        <v>0</v>
      </c>
      <c r="F48" s="537">
        <v>0</v>
      </c>
      <c r="G48" s="451">
        <v>13000</v>
      </c>
      <c r="H48" s="451">
        <v>0</v>
      </c>
      <c r="I48" s="451">
        <v>0</v>
      </c>
      <c r="J48" s="538">
        <v>0</v>
      </c>
      <c r="K48" s="529">
        <v>13000</v>
      </c>
      <c r="L48" s="488">
        <v>0</v>
      </c>
    </row>
    <row r="49" spans="1:12" ht="12.75" x14ac:dyDescent="0.2">
      <c r="A49" s="197"/>
      <c r="B49" s="451"/>
      <c r="C49" s="451"/>
      <c r="D49" s="451"/>
      <c r="E49" s="451"/>
      <c r="F49" s="371"/>
      <c r="G49" s="451"/>
      <c r="H49" s="451"/>
      <c r="I49" s="451"/>
      <c r="J49" s="371"/>
      <c r="K49" s="529"/>
      <c r="L49" s="488"/>
    </row>
    <row r="50" spans="1:12" s="73" customFormat="1" ht="10.5" x14ac:dyDescent="0.2">
      <c r="A50" s="150" t="s">
        <v>666</v>
      </c>
      <c r="B50" s="449">
        <v>920000</v>
      </c>
      <c r="C50" s="449">
        <v>1928252.68</v>
      </c>
      <c r="D50" s="449">
        <v>704914</v>
      </c>
      <c r="E50" s="449">
        <v>1928252.6800000002</v>
      </c>
      <c r="F50" s="534">
        <v>0.10797409400569592</v>
      </c>
      <c r="G50" s="449">
        <v>0</v>
      </c>
      <c r="H50" s="449">
        <v>830825.33000000007</v>
      </c>
      <c r="I50" s="449">
        <v>1840552.5999999999</v>
      </c>
      <c r="J50" s="534">
        <v>0.1163997230012659</v>
      </c>
      <c r="K50" s="535">
        <v>87700.080000000075</v>
      </c>
      <c r="L50" s="341">
        <v>0</v>
      </c>
    </row>
    <row r="51" spans="1:12" ht="10.5" x14ac:dyDescent="0.2">
      <c r="A51" s="197" t="s">
        <v>758</v>
      </c>
      <c r="B51" s="451">
        <v>920000</v>
      </c>
      <c r="C51" s="451">
        <v>1928252.68</v>
      </c>
      <c r="D51" s="451">
        <v>704914</v>
      </c>
      <c r="E51" s="451">
        <v>1928252.6800000002</v>
      </c>
      <c r="F51" s="537">
        <v>0.10797409400569592</v>
      </c>
      <c r="G51" s="451">
        <v>0</v>
      </c>
      <c r="H51" s="451">
        <v>830825.33000000007</v>
      </c>
      <c r="I51" s="451">
        <v>1840552.5999999999</v>
      </c>
      <c r="J51" s="537">
        <v>0.1163997230012659</v>
      </c>
      <c r="K51" s="529">
        <v>87700.080000000075</v>
      </c>
      <c r="L51" s="488">
        <v>0</v>
      </c>
    </row>
    <row r="52" spans="1:12" ht="10.5" x14ac:dyDescent="0.2">
      <c r="A52" s="197"/>
      <c r="B52" s="451"/>
      <c r="C52" s="451"/>
      <c r="D52" s="451"/>
      <c r="E52" s="451"/>
      <c r="F52" s="529"/>
      <c r="G52" s="451"/>
      <c r="H52" s="451"/>
      <c r="I52" s="451"/>
      <c r="J52" s="529"/>
      <c r="K52" s="488"/>
      <c r="L52" s="488"/>
    </row>
    <row r="53" spans="1:12" s="73" customFormat="1" ht="10.5" x14ac:dyDescent="0.2">
      <c r="A53" s="150" t="s">
        <v>682</v>
      </c>
      <c r="B53" s="449">
        <v>201446800</v>
      </c>
      <c r="C53" s="449">
        <v>562394052.75000012</v>
      </c>
      <c r="D53" s="449">
        <v>228156174.56999999</v>
      </c>
      <c r="E53" s="449">
        <v>542862652.08000004</v>
      </c>
      <c r="F53" s="534">
        <v>30.398040482882831</v>
      </c>
      <c r="G53" s="449">
        <v>19531400.670000032</v>
      </c>
      <c r="H53" s="449">
        <v>223004526.31999999</v>
      </c>
      <c r="I53" s="449">
        <v>519167167.58000004</v>
      </c>
      <c r="J53" s="534">
        <v>32.833027699215876</v>
      </c>
      <c r="K53" s="535">
        <v>43226885.170000032</v>
      </c>
      <c r="L53" s="341">
        <v>0</v>
      </c>
    </row>
    <row r="54" spans="1:12" ht="10.5" x14ac:dyDescent="0.2">
      <c r="A54" s="196" t="s">
        <v>651</v>
      </c>
      <c r="B54" s="451">
        <v>201446800</v>
      </c>
      <c r="C54" s="451">
        <v>562016544.92000008</v>
      </c>
      <c r="D54" s="451">
        <v>228156174.56999999</v>
      </c>
      <c r="E54" s="451">
        <v>542862652.08000004</v>
      </c>
      <c r="F54" s="537">
        <v>30.398040482882831</v>
      </c>
      <c r="G54" s="451">
        <v>19153892.840000033</v>
      </c>
      <c r="H54" s="451">
        <v>223004526.31999999</v>
      </c>
      <c r="I54" s="451">
        <v>519167167.58000004</v>
      </c>
      <c r="J54" s="537">
        <v>32.833027699215876</v>
      </c>
      <c r="K54" s="529">
        <v>42849377.340000033</v>
      </c>
      <c r="L54" s="488">
        <v>0</v>
      </c>
    </row>
    <row r="55" spans="1:12" ht="10.5" x14ac:dyDescent="0.2">
      <c r="A55" s="197" t="s">
        <v>675</v>
      </c>
      <c r="B55" s="451">
        <v>0</v>
      </c>
      <c r="C55" s="451">
        <v>0</v>
      </c>
      <c r="D55" s="451">
        <v>0</v>
      </c>
      <c r="E55" s="451">
        <v>0</v>
      </c>
      <c r="F55" s="537">
        <v>0</v>
      </c>
      <c r="G55" s="451">
        <v>0</v>
      </c>
      <c r="H55" s="451">
        <v>0</v>
      </c>
      <c r="I55" s="451">
        <v>0</v>
      </c>
      <c r="J55" s="537">
        <v>0</v>
      </c>
      <c r="K55" s="529">
        <v>0</v>
      </c>
      <c r="L55" s="488">
        <v>0</v>
      </c>
    </row>
    <row r="56" spans="1:12" ht="10.5" x14ac:dyDescent="0.2">
      <c r="A56" s="197" t="s">
        <v>756</v>
      </c>
      <c r="B56" s="451">
        <v>0</v>
      </c>
      <c r="C56" s="451">
        <v>0</v>
      </c>
      <c r="D56" s="451">
        <v>0</v>
      </c>
      <c r="E56" s="451">
        <v>0</v>
      </c>
      <c r="F56" s="537">
        <v>0</v>
      </c>
      <c r="G56" s="451">
        <v>0</v>
      </c>
      <c r="H56" s="451">
        <v>0</v>
      </c>
      <c r="I56" s="451">
        <v>0</v>
      </c>
      <c r="J56" s="537">
        <v>0</v>
      </c>
      <c r="K56" s="529">
        <v>0</v>
      </c>
      <c r="L56" s="488">
        <v>0</v>
      </c>
    </row>
    <row r="57" spans="1:12" ht="10.5" x14ac:dyDescent="0.2">
      <c r="A57" s="438" t="s">
        <v>680</v>
      </c>
      <c r="B57" s="451">
        <v>0</v>
      </c>
      <c r="C57" s="451">
        <v>377507.82999999996</v>
      </c>
      <c r="D57" s="451">
        <v>0</v>
      </c>
      <c r="E57" s="451">
        <v>0</v>
      </c>
      <c r="F57" s="342">
        <v>0</v>
      </c>
      <c r="G57" s="451">
        <v>377507.82999999996</v>
      </c>
      <c r="H57" s="451">
        <v>0</v>
      </c>
      <c r="I57" s="451">
        <v>0</v>
      </c>
      <c r="J57" s="342">
        <v>0</v>
      </c>
      <c r="K57" s="529">
        <v>377507.82999999996</v>
      </c>
      <c r="L57" s="488">
        <v>0</v>
      </c>
    </row>
    <row r="58" spans="1:12" s="283" customFormat="1" ht="10.5" x14ac:dyDescent="0.2">
      <c r="A58" s="438"/>
      <c r="B58" s="451"/>
      <c r="C58" s="451"/>
      <c r="D58" s="451"/>
      <c r="E58" s="451"/>
      <c r="F58" s="529"/>
      <c r="G58" s="451"/>
      <c r="H58" s="451"/>
      <c r="I58" s="451"/>
      <c r="J58" s="529"/>
      <c r="K58" s="488"/>
      <c r="L58" s="488"/>
    </row>
    <row r="59" spans="1:12" s="73" customFormat="1" ht="10.5" x14ac:dyDescent="0.2">
      <c r="A59" s="150" t="s">
        <v>683</v>
      </c>
      <c r="B59" s="449">
        <v>1654500</v>
      </c>
      <c r="C59" s="449">
        <v>1808476</v>
      </c>
      <c r="D59" s="449">
        <v>858776.59</v>
      </c>
      <c r="E59" s="449">
        <v>1708227.1700000004</v>
      </c>
      <c r="F59" s="534">
        <v>9.5653584693404362E-2</v>
      </c>
      <c r="G59" s="449">
        <v>100248.82999999961</v>
      </c>
      <c r="H59" s="449">
        <v>810037.84</v>
      </c>
      <c r="I59" s="449">
        <v>1528127.56</v>
      </c>
      <c r="J59" s="534">
        <v>9.6641424262800396E-2</v>
      </c>
      <c r="K59" s="535">
        <v>280348.43999999994</v>
      </c>
      <c r="L59" s="341">
        <v>0</v>
      </c>
    </row>
    <row r="60" spans="1:12" ht="10.5" x14ac:dyDescent="0.2">
      <c r="A60" s="197" t="s">
        <v>684</v>
      </c>
      <c r="B60" s="451">
        <v>1654500</v>
      </c>
      <c r="C60" s="451">
        <v>1808476</v>
      </c>
      <c r="D60" s="451">
        <v>858776.59</v>
      </c>
      <c r="E60" s="451">
        <v>1708227.1700000004</v>
      </c>
      <c r="F60" s="537">
        <v>9.5653584693404362E-2</v>
      </c>
      <c r="G60" s="451">
        <v>100248.82999999961</v>
      </c>
      <c r="H60" s="451">
        <v>810037.84</v>
      </c>
      <c r="I60" s="451">
        <v>1528127.56</v>
      </c>
      <c r="J60" s="537">
        <v>9.6641424262800396E-2</v>
      </c>
      <c r="K60" s="529">
        <v>280348.43999999994</v>
      </c>
      <c r="L60" s="488">
        <v>0</v>
      </c>
    </row>
    <row r="61" spans="1:12" ht="10.5" x14ac:dyDescent="0.2">
      <c r="A61" s="197"/>
      <c r="B61" s="451"/>
      <c r="C61" s="451"/>
      <c r="D61" s="451"/>
      <c r="E61" s="451"/>
      <c r="F61" s="529"/>
      <c r="G61" s="451"/>
      <c r="H61" s="451"/>
      <c r="I61" s="451"/>
      <c r="J61" s="529"/>
      <c r="K61" s="488"/>
      <c r="L61" s="488"/>
    </row>
    <row r="62" spans="1:12" s="73" customFormat="1" ht="10.5" x14ac:dyDescent="0.2">
      <c r="A62" s="150" t="s">
        <v>685</v>
      </c>
      <c r="B62" s="449">
        <v>10977800</v>
      </c>
      <c r="C62" s="449">
        <v>22386764</v>
      </c>
      <c r="D62" s="449">
        <v>10056850</v>
      </c>
      <c r="E62" s="449">
        <v>21278797.649999999</v>
      </c>
      <c r="F62" s="534">
        <v>1.1915237674085748</v>
      </c>
      <c r="G62" s="449">
        <v>1107966.3500000024</v>
      </c>
      <c r="H62" s="449">
        <v>10145987.519999998</v>
      </c>
      <c r="I62" s="449">
        <v>21263291.890000004</v>
      </c>
      <c r="J62" s="534">
        <v>1.3447272770639993</v>
      </c>
      <c r="K62" s="535">
        <v>1123472.1099999961</v>
      </c>
      <c r="L62" s="341">
        <v>0</v>
      </c>
    </row>
    <row r="63" spans="1:12" ht="10.5" x14ac:dyDescent="0.2">
      <c r="A63" s="197" t="s">
        <v>656</v>
      </c>
      <c r="B63" s="451">
        <v>370800</v>
      </c>
      <c r="C63" s="451">
        <v>455400</v>
      </c>
      <c r="D63" s="451">
        <v>1510</v>
      </c>
      <c r="E63" s="451">
        <v>362449.70999999996</v>
      </c>
      <c r="F63" s="537">
        <v>2.0295669476200193E-2</v>
      </c>
      <c r="G63" s="451">
        <v>92950.290000000037</v>
      </c>
      <c r="H63" s="451">
        <v>71671.78</v>
      </c>
      <c r="I63" s="451">
        <v>351893.23000000004</v>
      </c>
      <c r="J63" s="537">
        <v>2.2254335191518437E-2</v>
      </c>
      <c r="K63" s="529">
        <v>103506.76999999996</v>
      </c>
      <c r="L63" s="488">
        <v>0</v>
      </c>
    </row>
    <row r="64" spans="1:12" ht="10.5" x14ac:dyDescent="0.2">
      <c r="A64" s="51" t="s">
        <v>686</v>
      </c>
      <c r="B64" s="451">
        <v>10607000</v>
      </c>
      <c r="C64" s="451">
        <v>21931364</v>
      </c>
      <c r="D64" s="451">
        <v>10055340</v>
      </c>
      <c r="E64" s="451">
        <v>20916347.939999998</v>
      </c>
      <c r="F64" s="537">
        <v>1.1712280979323746</v>
      </c>
      <c r="G64" s="451">
        <v>1015016.0600000024</v>
      </c>
      <c r="H64" s="451">
        <v>10074315.739999998</v>
      </c>
      <c r="I64" s="451">
        <v>20911398.660000004</v>
      </c>
      <c r="J64" s="537">
        <v>1.322472941872481</v>
      </c>
      <c r="K64" s="529">
        <v>1019965.3399999961</v>
      </c>
      <c r="L64" s="488">
        <v>0</v>
      </c>
    </row>
    <row r="65" spans="1:12" ht="10.5" x14ac:dyDescent="0.2">
      <c r="A65" s="197" t="s">
        <v>687</v>
      </c>
      <c r="B65" s="451">
        <v>0</v>
      </c>
      <c r="C65" s="451">
        <v>0</v>
      </c>
      <c r="D65" s="451">
        <v>0</v>
      </c>
      <c r="E65" s="451">
        <v>0</v>
      </c>
      <c r="F65" s="537">
        <v>0</v>
      </c>
      <c r="G65" s="451">
        <v>0</v>
      </c>
      <c r="H65" s="451">
        <v>0</v>
      </c>
      <c r="I65" s="451">
        <v>0</v>
      </c>
      <c r="J65" s="537">
        <v>0</v>
      </c>
      <c r="K65" s="529">
        <v>0</v>
      </c>
      <c r="L65" s="488">
        <v>0</v>
      </c>
    </row>
    <row r="66" spans="1:12" ht="10.5" x14ac:dyDescent="0.2">
      <c r="A66" s="197"/>
      <c r="B66" s="451"/>
      <c r="C66" s="451"/>
      <c r="D66" s="451"/>
      <c r="E66" s="451"/>
      <c r="F66" s="529"/>
      <c r="G66" s="451"/>
      <c r="H66" s="451"/>
      <c r="I66" s="451"/>
      <c r="J66" s="529"/>
      <c r="K66" s="488"/>
      <c r="L66" s="488"/>
    </row>
    <row r="67" spans="1:12" s="73" customFormat="1" ht="10.5" x14ac:dyDescent="0.2">
      <c r="A67" s="150" t="s">
        <v>692</v>
      </c>
      <c r="B67" s="449">
        <v>442400</v>
      </c>
      <c r="C67" s="449">
        <v>2823992</v>
      </c>
      <c r="D67" s="449">
        <v>1923028.4000000001</v>
      </c>
      <c r="E67" s="449">
        <v>2788046.5999999996</v>
      </c>
      <c r="F67" s="534">
        <v>0.15611896138044565</v>
      </c>
      <c r="G67" s="449">
        <v>35945.400000000373</v>
      </c>
      <c r="H67" s="449">
        <v>2044427.83</v>
      </c>
      <c r="I67" s="449">
        <v>2518410.7199999988</v>
      </c>
      <c r="J67" s="534">
        <v>0.15926864041343805</v>
      </c>
      <c r="K67" s="535">
        <v>305581.28000000119</v>
      </c>
      <c r="L67" s="341">
        <v>0</v>
      </c>
    </row>
    <row r="68" spans="1:12" ht="10.5" x14ac:dyDescent="0.2">
      <c r="A68" s="197" t="s">
        <v>651</v>
      </c>
      <c r="B68" s="451">
        <v>442400</v>
      </c>
      <c r="C68" s="451">
        <v>2823992</v>
      </c>
      <c r="D68" s="451">
        <v>1923028.4000000001</v>
      </c>
      <c r="E68" s="451">
        <v>2788046.5999999996</v>
      </c>
      <c r="F68" s="537">
        <v>0.15611896138044565</v>
      </c>
      <c r="G68" s="451">
        <v>35945.400000000373</v>
      </c>
      <c r="H68" s="451">
        <v>2044427.83</v>
      </c>
      <c r="I68" s="451">
        <v>2518410.7199999988</v>
      </c>
      <c r="J68" s="537">
        <v>0.15926864041343805</v>
      </c>
      <c r="K68" s="529">
        <v>305581.28000000119</v>
      </c>
      <c r="L68" s="488">
        <v>0</v>
      </c>
    </row>
    <row r="69" spans="1:12" ht="10.5" x14ac:dyDescent="0.2">
      <c r="A69" s="197" t="s">
        <v>693</v>
      </c>
      <c r="B69" s="451">
        <v>0</v>
      </c>
      <c r="C69" s="451">
        <v>0</v>
      </c>
      <c r="D69" s="451">
        <v>0</v>
      </c>
      <c r="E69" s="451">
        <v>0</v>
      </c>
      <c r="F69" s="537">
        <v>0</v>
      </c>
      <c r="G69" s="451">
        <v>0</v>
      </c>
      <c r="H69" s="451">
        <v>0</v>
      </c>
      <c r="I69" s="451">
        <v>0</v>
      </c>
      <c r="J69" s="537">
        <v>0</v>
      </c>
      <c r="K69" s="529">
        <v>0</v>
      </c>
      <c r="L69" s="488">
        <v>0</v>
      </c>
    </row>
    <row r="70" spans="1:12" ht="10.5" x14ac:dyDescent="0.2">
      <c r="A70" s="197"/>
      <c r="B70" s="451"/>
      <c r="C70" s="451"/>
      <c r="D70" s="451"/>
      <c r="E70" s="451"/>
      <c r="F70" s="529"/>
      <c r="G70" s="451"/>
      <c r="H70" s="451"/>
      <c r="I70" s="451"/>
      <c r="J70" s="529"/>
      <c r="K70" s="488"/>
      <c r="L70" s="488"/>
    </row>
    <row r="71" spans="1:12" s="73" customFormat="1" ht="10.5" x14ac:dyDescent="0.2">
      <c r="A71" s="150" t="s">
        <v>696</v>
      </c>
      <c r="B71" s="449">
        <v>1948200</v>
      </c>
      <c r="C71" s="449">
        <v>6209820</v>
      </c>
      <c r="D71" s="449">
        <v>903979.11000000022</v>
      </c>
      <c r="E71" s="449">
        <v>3655305.6399999997</v>
      </c>
      <c r="F71" s="534">
        <v>0.20468184428656436</v>
      </c>
      <c r="G71" s="449">
        <v>2554514.3600000003</v>
      </c>
      <c r="H71" s="449">
        <v>911523.3400000002</v>
      </c>
      <c r="I71" s="449">
        <v>3652741.1299999994</v>
      </c>
      <c r="J71" s="534">
        <v>0.23100565326268369</v>
      </c>
      <c r="K71" s="535">
        <v>2557078.8700000006</v>
      </c>
      <c r="L71" s="341">
        <v>0</v>
      </c>
    </row>
    <row r="72" spans="1:12" ht="10.5" x14ac:dyDescent="0.2">
      <c r="A72" s="437" t="s">
        <v>651</v>
      </c>
      <c r="B72" s="451">
        <v>1948200</v>
      </c>
      <c r="C72" s="451">
        <v>6209820</v>
      </c>
      <c r="D72" s="451">
        <v>903979.11000000022</v>
      </c>
      <c r="E72" s="451">
        <v>3655305.6399999997</v>
      </c>
      <c r="F72" s="537">
        <v>0.20468184428656436</v>
      </c>
      <c r="G72" s="451">
        <v>2554514.3600000003</v>
      </c>
      <c r="H72" s="451">
        <v>911523.3400000002</v>
      </c>
      <c r="I72" s="451">
        <v>3652741.1299999994</v>
      </c>
      <c r="J72" s="537">
        <v>0.23100565326268369</v>
      </c>
      <c r="K72" s="529">
        <v>2557078.8700000006</v>
      </c>
      <c r="L72" s="488">
        <v>0</v>
      </c>
    </row>
    <row r="73" spans="1:12" ht="10.5" x14ac:dyDescent="0.2">
      <c r="A73" s="197"/>
      <c r="B73" s="451"/>
      <c r="C73" s="451"/>
      <c r="D73" s="451"/>
      <c r="E73" s="451"/>
      <c r="F73" s="529"/>
      <c r="G73" s="451"/>
      <c r="H73" s="451"/>
      <c r="I73" s="451"/>
      <c r="J73" s="529"/>
      <c r="K73" s="488"/>
      <c r="L73" s="488"/>
    </row>
    <row r="74" spans="1:12" s="73" customFormat="1" ht="10.5" x14ac:dyDescent="0.2">
      <c r="A74" s="150" t="s">
        <v>702</v>
      </c>
      <c r="B74" s="449">
        <v>42000</v>
      </c>
      <c r="C74" s="449">
        <v>0</v>
      </c>
      <c r="D74" s="449">
        <v>0</v>
      </c>
      <c r="E74" s="449">
        <v>0</v>
      </c>
      <c r="F74" s="534">
        <v>0</v>
      </c>
      <c r="G74" s="449">
        <v>0</v>
      </c>
      <c r="H74" s="449">
        <v>0</v>
      </c>
      <c r="I74" s="449">
        <v>0</v>
      </c>
      <c r="J74" s="534">
        <v>0</v>
      </c>
      <c r="K74" s="535">
        <v>0</v>
      </c>
      <c r="L74" s="341">
        <v>0</v>
      </c>
    </row>
    <row r="75" spans="1:12" ht="10.5" x14ac:dyDescent="0.2">
      <c r="A75" s="197" t="s">
        <v>703</v>
      </c>
      <c r="B75" s="451">
        <v>42000</v>
      </c>
      <c r="C75" s="451"/>
      <c r="D75" s="451">
        <v>0</v>
      </c>
      <c r="E75" s="451">
        <v>0</v>
      </c>
      <c r="F75" s="537">
        <v>0</v>
      </c>
      <c r="G75" s="451">
        <v>0</v>
      </c>
      <c r="H75" s="451">
        <v>0</v>
      </c>
      <c r="I75" s="451">
        <v>0</v>
      </c>
      <c r="J75" s="537">
        <v>0</v>
      </c>
      <c r="K75" s="529">
        <v>0</v>
      </c>
      <c r="L75" s="488">
        <v>0</v>
      </c>
    </row>
    <row r="76" spans="1:12" ht="10.5" x14ac:dyDescent="0.2">
      <c r="A76" s="197"/>
      <c r="B76" s="451"/>
      <c r="C76" s="451"/>
      <c r="D76" s="451"/>
      <c r="E76" s="451"/>
      <c r="F76" s="529"/>
      <c r="G76" s="451"/>
      <c r="H76" s="451"/>
      <c r="I76" s="451"/>
      <c r="J76" s="529"/>
      <c r="K76" s="488"/>
      <c r="L76" s="488"/>
    </row>
    <row r="77" spans="1:12" s="73" customFormat="1" ht="10.5" x14ac:dyDescent="0.2">
      <c r="A77" s="150" t="s">
        <v>706</v>
      </c>
      <c r="B77" s="449">
        <v>8227000</v>
      </c>
      <c r="C77" s="449">
        <v>35398360</v>
      </c>
      <c r="D77" s="449">
        <v>13230747.030000001</v>
      </c>
      <c r="E77" s="449">
        <v>32580139.190000009</v>
      </c>
      <c r="F77" s="534">
        <v>1.8243516776129767</v>
      </c>
      <c r="G77" s="449">
        <v>2818220.8099999912</v>
      </c>
      <c r="H77" s="449">
        <v>13387328.330000002</v>
      </c>
      <c r="I77" s="449">
        <v>30518886.91</v>
      </c>
      <c r="J77" s="534">
        <v>1.9300670801969799</v>
      </c>
      <c r="K77" s="535">
        <v>4879473.09</v>
      </c>
      <c r="L77" s="341">
        <v>0</v>
      </c>
    </row>
    <row r="78" spans="1:12" ht="10.5" x14ac:dyDescent="0.2">
      <c r="A78" s="197" t="s">
        <v>651</v>
      </c>
      <c r="B78" s="451">
        <v>8227000</v>
      </c>
      <c r="C78" s="451">
        <v>35398360</v>
      </c>
      <c r="D78" s="451">
        <v>13230747.030000001</v>
      </c>
      <c r="E78" s="451">
        <v>32580139.190000009</v>
      </c>
      <c r="F78" s="537">
        <v>1.8243516776129767</v>
      </c>
      <c r="G78" s="451">
        <v>2818220.8099999912</v>
      </c>
      <c r="H78" s="451">
        <v>13387328.330000002</v>
      </c>
      <c r="I78" s="451">
        <v>30518886.91</v>
      </c>
      <c r="J78" s="537">
        <v>1.9300670801969799</v>
      </c>
      <c r="K78" s="529">
        <v>4879473.09</v>
      </c>
      <c r="L78" s="488">
        <v>0</v>
      </c>
    </row>
    <row r="79" spans="1:12" ht="10.5" x14ac:dyDescent="0.2">
      <c r="A79" s="197"/>
      <c r="B79" s="451"/>
      <c r="C79" s="451"/>
      <c r="D79" s="451"/>
      <c r="E79" s="451"/>
      <c r="F79" s="529"/>
      <c r="G79" s="451"/>
      <c r="H79" s="451"/>
      <c r="I79" s="451"/>
      <c r="J79" s="529"/>
      <c r="K79" s="488"/>
      <c r="L79" s="488"/>
    </row>
    <row r="80" spans="1:12" s="73" customFormat="1" ht="10.5" x14ac:dyDescent="0.2">
      <c r="A80" s="150" t="s">
        <v>714</v>
      </c>
      <c r="B80" s="449">
        <v>1704600</v>
      </c>
      <c r="C80" s="449">
        <v>2290786.6</v>
      </c>
      <c r="D80" s="449">
        <v>0</v>
      </c>
      <c r="E80" s="449">
        <v>2073802.1299999994</v>
      </c>
      <c r="F80" s="534">
        <v>0.11612425511257807</v>
      </c>
      <c r="G80" s="449">
        <v>216984.47000000055</v>
      </c>
      <c r="H80" s="449">
        <v>351788.85</v>
      </c>
      <c r="I80" s="449">
        <v>1597168.5299999998</v>
      </c>
      <c r="J80" s="534">
        <v>0.10100769436219266</v>
      </c>
      <c r="K80" s="535">
        <v>693618.07000000018</v>
      </c>
      <c r="L80" s="341">
        <v>0</v>
      </c>
    </row>
    <row r="81" spans="1:12" ht="10.5" x14ac:dyDescent="0.2">
      <c r="A81" s="197" t="s">
        <v>713</v>
      </c>
      <c r="B81" s="451">
        <v>924000</v>
      </c>
      <c r="C81" s="451">
        <v>1184000</v>
      </c>
      <c r="D81" s="451">
        <v>0</v>
      </c>
      <c r="E81" s="451">
        <v>1005866.9799999999</v>
      </c>
      <c r="F81" s="537">
        <v>5.6324348454034272E-2</v>
      </c>
      <c r="G81" s="451">
        <v>178133.02000000014</v>
      </c>
      <c r="H81" s="451">
        <v>174600.12999999998</v>
      </c>
      <c r="I81" s="451">
        <v>856364.7699999999</v>
      </c>
      <c r="J81" s="537">
        <v>5.4157986039650691E-2</v>
      </c>
      <c r="K81" s="529">
        <v>327635.2300000001</v>
      </c>
      <c r="L81" s="488">
        <v>0</v>
      </c>
    </row>
    <row r="82" spans="1:12" ht="10.5" x14ac:dyDescent="0.2">
      <c r="A82" s="197" t="s">
        <v>715</v>
      </c>
      <c r="B82" s="451">
        <v>776600</v>
      </c>
      <c r="C82" s="451">
        <v>1106786.6000000001</v>
      </c>
      <c r="D82" s="451">
        <v>0</v>
      </c>
      <c r="E82" s="451">
        <v>1067935.1499999997</v>
      </c>
      <c r="F82" s="537">
        <v>5.9799906658543803E-2</v>
      </c>
      <c r="G82" s="451">
        <v>38851.450000000419</v>
      </c>
      <c r="H82" s="451">
        <v>177188.72000000003</v>
      </c>
      <c r="I82" s="451">
        <v>740803.76</v>
      </c>
      <c r="J82" s="537">
        <v>4.6849708322541976E-2</v>
      </c>
      <c r="K82" s="529">
        <v>365982.84000000008</v>
      </c>
      <c r="L82" s="488">
        <v>0</v>
      </c>
    </row>
    <row r="83" spans="1:12" ht="10.5" x14ac:dyDescent="0.2">
      <c r="A83" s="197" t="s">
        <v>716</v>
      </c>
      <c r="B83" s="451">
        <v>4000</v>
      </c>
      <c r="C83" s="451"/>
      <c r="D83" s="451">
        <v>0</v>
      </c>
      <c r="E83" s="451">
        <v>0</v>
      </c>
      <c r="F83" s="537">
        <v>0</v>
      </c>
      <c r="G83" s="451">
        <v>0</v>
      </c>
      <c r="H83" s="451">
        <v>0</v>
      </c>
      <c r="I83" s="451">
        <v>0</v>
      </c>
      <c r="J83" s="537">
        <v>0</v>
      </c>
      <c r="K83" s="529">
        <v>0</v>
      </c>
      <c r="L83" s="488">
        <v>0</v>
      </c>
    </row>
    <row r="84" spans="1:12" ht="10.5" x14ac:dyDescent="0.2">
      <c r="A84" s="197"/>
      <c r="B84" s="451"/>
      <c r="C84" s="451"/>
      <c r="D84" s="451"/>
      <c r="E84" s="451"/>
      <c r="F84" s="529"/>
      <c r="G84" s="451"/>
      <c r="H84" s="451"/>
      <c r="I84" s="451"/>
      <c r="J84" s="529"/>
      <c r="K84" s="488"/>
      <c r="L84" s="488"/>
    </row>
    <row r="85" spans="1:12" s="73" customFormat="1" ht="10.5" x14ac:dyDescent="0.2">
      <c r="A85" s="150" t="s">
        <v>765</v>
      </c>
      <c r="B85" s="449">
        <v>579600</v>
      </c>
      <c r="C85" s="449">
        <v>727600</v>
      </c>
      <c r="D85" s="449">
        <v>234942.66999999998</v>
      </c>
      <c r="E85" s="449">
        <v>538803.5199999999</v>
      </c>
      <c r="F85" s="534">
        <v>3.0170746045108488E-2</v>
      </c>
      <c r="G85" s="449">
        <v>188796.4800000001</v>
      </c>
      <c r="H85" s="449">
        <v>231272.66</v>
      </c>
      <c r="I85" s="449">
        <v>530334.95999999985</v>
      </c>
      <c r="J85" s="534">
        <v>3.3539298166152608E-2</v>
      </c>
      <c r="K85" s="535">
        <v>197265.04000000015</v>
      </c>
      <c r="L85" s="341">
        <v>0</v>
      </c>
    </row>
    <row r="86" spans="1:12" ht="10.5" x14ac:dyDescent="0.2">
      <c r="A86" s="197" t="s">
        <v>713</v>
      </c>
      <c r="B86" s="451">
        <v>579600</v>
      </c>
      <c r="C86" s="451">
        <v>727600</v>
      </c>
      <c r="D86" s="451">
        <v>234942.66999999998</v>
      </c>
      <c r="E86" s="451">
        <v>538803.5199999999</v>
      </c>
      <c r="F86" s="537">
        <v>3.0170746045108488E-2</v>
      </c>
      <c r="G86" s="451">
        <v>188796.4800000001</v>
      </c>
      <c r="H86" s="451">
        <v>231272.66</v>
      </c>
      <c r="I86" s="451">
        <v>530334.95999999985</v>
      </c>
      <c r="J86" s="537">
        <v>3.3539298166152608E-2</v>
      </c>
      <c r="K86" s="529">
        <v>197265.04000000015</v>
      </c>
      <c r="L86" s="488">
        <v>0</v>
      </c>
    </row>
    <row r="87" spans="1:12" ht="10.5" x14ac:dyDescent="0.2">
      <c r="A87" s="197"/>
      <c r="B87" s="451"/>
      <c r="C87" s="451"/>
      <c r="D87" s="451"/>
      <c r="E87" s="451"/>
      <c r="F87" s="529"/>
      <c r="G87" s="451"/>
      <c r="H87" s="451"/>
      <c r="I87" s="451"/>
      <c r="J87" s="529"/>
      <c r="K87" s="488"/>
      <c r="L87" s="488"/>
    </row>
    <row r="88" spans="1:12" s="73" customFormat="1" ht="10.5" x14ac:dyDescent="0.2">
      <c r="A88" s="150" t="s">
        <v>720</v>
      </c>
      <c r="B88" s="449">
        <v>15101300</v>
      </c>
      <c r="C88" s="449">
        <v>48208319</v>
      </c>
      <c r="D88" s="449">
        <v>15356714.719999999</v>
      </c>
      <c r="E88" s="449">
        <v>48072298.549999997</v>
      </c>
      <c r="F88" s="534">
        <v>2.6918478768599865</v>
      </c>
      <c r="G88" s="449">
        <v>136020.45000000298</v>
      </c>
      <c r="H88" s="449">
        <v>20602030.140000001</v>
      </c>
      <c r="I88" s="449">
        <v>40707489.539999999</v>
      </c>
      <c r="J88" s="534">
        <v>2.5744118948477372</v>
      </c>
      <c r="K88" s="535">
        <v>7500829.4600000009</v>
      </c>
      <c r="L88" s="341">
        <v>0</v>
      </c>
    </row>
    <row r="89" spans="1:12" ht="10.5" x14ac:dyDescent="0.2">
      <c r="A89" s="197" t="s">
        <v>651</v>
      </c>
      <c r="B89" s="451">
        <v>15101300</v>
      </c>
      <c r="C89" s="451">
        <v>48208319</v>
      </c>
      <c r="D89" s="451">
        <v>15356714.719999999</v>
      </c>
      <c r="E89" s="451">
        <v>48072298.549999997</v>
      </c>
      <c r="F89" s="537">
        <v>2.6918478768599865</v>
      </c>
      <c r="G89" s="451">
        <v>136020.45000000298</v>
      </c>
      <c r="H89" s="451">
        <v>20602030.140000001</v>
      </c>
      <c r="I89" s="451">
        <v>40707489.539999999</v>
      </c>
      <c r="J89" s="537">
        <v>2.5744118948477372</v>
      </c>
      <c r="K89" s="529">
        <v>7500829.4600000009</v>
      </c>
      <c r="L89" s="488">
        <v>0</v>
      </c>
    </row>
    <row r="90" spans="1:12" s="195" customFormat="1" ht="10.5" x14ac:dyDescent="0.2">
      <c r="A90" s="197"/>
      <c r="B90" s="451"/>
      <c r="C90" s="451"/>
      <c r="D90" s="451"/>
      <c r="E90" s="451"/>
      <c r="F90" s="529"/>
      <c r="G90" s="451"/>
      <c r="H90" s="451"/>
      <c r="I90" s="451"/>
      <c r="J90" s="529"/>
      <c r="K90" s="488"/>
      <c r="L90" s="488"/>
    </row>
    <row r="91" spans="1:12" s="73" customFormat="1" ht="10.5" x14ac:dyDescent="0.2">
      <c r="A91" s="150" t="s">
        <v>725</v>
      </c>
      <c r="B91" s="449">
        <v>68000</v>
      </c>
      <c r="C91" s="449">
        <v>360524</v>
      </c>
      <c r="D91" s="449">
        <v>201524</v>
      </c>
      <c r="E91" s="449">
        <v>313522.83999999997</v>
      </c>
      <c r="F91" s="534">
        <v>1.7555969168466422E-2</v>
      </c>
      <c r="G91" s="449">
        <v>47001.160000000033</v>
      </c>
      <c r="H91" s="449">
        <v>191714.29</v>
      </c>
      <c r="I91" s="449">
        <v>277167.26</v>
      </c>
      <c r="J91" s="534">
        <v>1.7528535880484943E-2</v>
      </c>
      <c r="K91" s="535">
        <v>83356.739999999991</v>
      </c>
      <c r="L91" s="341">
        <v>0</v>
      </c>
    </row>
    <row r="92" spans="1:12" ht="10.5" x14ac:dyDescent="0.2">
      <c r="A92" s="197" t="s">
        <v>726</v>
      </c>
      <c r="B92" s="451">
        <v>40000</v>
      </c>
      <c r="C92" s="451">
        <v>40000</v>
      </c>
      <c r="D92" s="451">
        <v>0</v>
      </c>
      <c r="E92" s="451">
        <v>0</v>
      </c>
      <c r="F92" s="537">
        <v>0</v>
      </c>
      <c r="G92" s="451">
        <v>40000</v>
      </c>
      <c r="H92" s="451">
        <v>0</v>
      </c>
      <c r="I92" s="451">
        <v>0</v>
      </c>
      <c r="J92" s="537">
        <v>0</v>
      </c>
      <c r="K92" s="529">
        <v>40000</v>
      </c>
      <c r="L92" s="488">
        <v>0</v>
      </c>
    </row>
    <row r="93" spans="1:12" ht="10.5" x14ac:dyDescent="0.2">
      <c r="A93" s="197" t="s">
        <v>727</v>
      </c>
      <c r="B93" s="451">
        <v>28000</v>
      </c>
      <c r="C93" s="451">
        <v>320524</v>
      </c>
      <c r="D93" s="451">
        <v>201524</v>
      </c>
      <c r="E93" s="451">
        <v>313522.83999999997</v>
      </c>
      <c r="F93" s="537">
        <v>1.7555969168466422E-2</v>
      </c>
      <c r="G93" s="451">
        <v>7001.1600000000326</v>
      </c>
      <c r="H93" s="451">
        <v>191714.29</v>
      </c>
      <c r="I93" s="451">
        <v>277167.26</v>
      </c>
      <c r="J93" s="537">
        <v>1.7528535880484943E-2</v>
      </c>
      <c r="K93" s="529">
        <v>43356.739999999991</v>
      </c>
      <c r="L93" s="488">
        <v>0</v>
      </c>
    </row>
    <row r="94" spans="1:12" ht="10.5" x14ac:dyDescent="0.2">
      <c r="A94" s="197"/>
      <c r="B94" s="451"/>
      <c r="C94" s="451"/>
      <c r="D94" s="451"/>
      <c r="E94" s="451"/>
      <c r="F94" s="529"/>
      <c r="G94" s="451"/>
      <c r="H94" s="451"/>
      <c r="I94" s="451"/>
      <c r="J94" s="529"/>
      <c r="K94" s="488"/>
      <c r="L94" s="488"/>
    </row>
    <row r="95" spans="1:12" s="73" customFormat="1" ht="10.5" x14ac:dyDescent="0.2">
      <c r="A95" s="150" t="s">
        <v>728</v>
      </c>
      <c r="B95" s="449">
        <v>98060000</v>
      </c>
      <c r="C95" s="449">
        <v>55473000</v>
      </c>
      <c r="D95" s="449">
        <v>0</v>
      </c>
      <c r="E95" s="449">
        <v>50902607.640000001</v>
      </c>
      <c r="F95" s="534">
        <v>2.8503333611113741</v>
      </c>
      <c r="G95" s="449">
        <v>4570392.3599999994</v>
      </c>
      <c r="H95" s="449">
        <v>2294347.3499999996</v>
      </c>
      <c r="I95" s="449">
        <v>11239131.289999997</v>
      </c>
      <c r="J95" s="534">
        <v>0.71078206019804058</v>
      </c>
      <c r="K95" s="535">
        <v>44233868.710000001</v>
      </c>
      <c r="L95" s="341">
        <v>0</v>
      </c>
    </row>
    <row r="96" spans="1:12" ht="10.5" x14ac:dyDescent="0.2">
      <c r="A96" s="197" t="s">
        <v>731</v>
      </c>
      <c r="B96" s="451">
        <v>98060000</v>
      </c>
      <c r="C96" s="451">
        <v>55473000</v>
      </c>
      <c r="D96" s="451">
        <v>0</v>
      </c>
      <c r="E96" s="451">
        <v>50902607.640000001</v>
      </c>
      <c r="F96" s="537">
        <v>2.8503333611113741</v>
      </c>
      <c r="G96" s="451">
        <v>4570392.3599999994</v>
      </c>
      <c r="H96" s="451">
        <v>2294347.3499999996</v>
      </c>
      <c r="I96" s="451">
        <v>11239131.289999997</v>
      </c>
      <c r="J96" s="537">
        <v>0.71078206019804058</v>
      </c>
      <c r="K96" s="529">
        <v>44233868.710000001</v>
      </c>
      <c r="L96" s="488">
        <v>0</v>
      </c>
    </row>
    <row r="97" spans="1:12" ht="15" customHeight="1" x14ac:dyDescent="0.2">
      <c r="A97" s="152" t="s">
        <v>738</v>
      </c>
      <c r="B97" s="384">
        <v>931270300</v>
      </c>
      <c r="C97" s="384">
        <v>1870450005.8100004</v>
      </c>
      <c r="D97" s="384">
        <v>638136054.19000006</v>
      </c>
      <c r="E97" s="384">
        <v>1785847519.9600005</v>
      </c>
      <c r="F97" s="539">
        <v>100</v>
      </c>
      <c r="G97" s="384">
        <v>84602485.850000054</v>
      </c>
      <c r="H97" s="384">
        <v>581862223.78000009</v>
      </c>
      <c r="I97" s="384">
        <v>1581234518.9000003</v>
      </c>
      <c r="J97" s="539">
        <v>100</v>
      </c>
      <c r="K97" s="533">
        <v>289215486.91000003</v>
      </c>
      <c r="L97" s="240">
        <v>0</v>
      </c>
    </row>
    <row r="98" spans="1:12" ht="10.5" x14ac:dyDescent="0.2">
      <c r="A98" s="51" t="s">
        <v>865</v>
      </c>
      <c r="L98" s="314"/>
    </row>
    <row r="99" spans="1:12" ht="10.5" x14ac:dyDescent="0.2">
      <c r="A99" s="210"/>
    </row>
    <row r="100" spans="1:12" ht="10.5" x14ac:dyDescent="0.2">
      <c r="A100" s="191"/>
      <c r="C100" s="439"/>
    </row>
    <row r="101" spans="1:12" s="283" customFormat="1" ht="10.5" x14ac:dyDescent="0.2">
      <c r="A101" s="412"/>
      <c r="B101" s="51"/>
      <c r="C101" s="51"/>
      <c r="D101" s="51"/>
      <c r="E101" s="51"/>
      <c r="F101" s="51"/>
      <c r="G101" s="51"/>
      <c r="H101" s="51"/>
      <c r="I101" s="51"/>
      <c r="J101" s="51"/>
      <c r="K101" s="51"/>
      <c r="L101" s="51"/>
    </row>
    <row r="102" spans="1:12" s="283" customFormat="1" ht="10.5" x14ac:dyDescent="0.2">
      <c r="A102" s="412"/>
      <c r="B102" s="51"/>
      <c r="C102" s="51"/>
      <c r="D102" s="51"/>
      <c r="E102" s="51"/>
      <c r="F102" s="51"/>
      <c r="G102" s="51"/>
      <c r="H102" s="51"/>
      <c r="I102" s="51"/>
      <c r="J102" s="51"/>
      <c r="K102" s="51"/>
      <c r="L102" s="51"/>
    </row>
    <row r="103" spans="1:12" s="283" customFormat="1" ht="10.5" x14ac:dyDescent="0.2">
      <c r="A103" s="412"/>
      <c r="B103" s="51"/>
      <c r="C103" s="51"/>
      <c r="D103" s="51"/>
      <c r="E103" s="51"/>
      <c r="F103" s="51"/>
      <c r="G103" s="51"/>
      <c r="H103" s="51"/>
      <c r="I103" s="51"/>
      <c r="J103" s="51"/>
      <c r="K103" s="51"/>
      <c r="L103" s="51"/>
    </row>
    <row r="104" spans="1:12" ht="10.5" x14ac:dyDescent="0.2"/>
    <row r="105" spans="1:12" ht="10.5" x14ac:dyDescent="0.2"/>
    <row r="106" spans="1:12" ht="10.5" x14ac:dyDescent="0.2"/>
    <row r="107" spans="1:12" s="51" customFormat="1" ht="11.25" customHeight="1" x14ac:dyDescent="0.2"/>
    <row r="108" spans="1:12" s="51" customFormat="1" ht="11.25" customHeight="1" x14ac:dyDescent="0.2"/>
    <row r="109" spans="1:12" s="51" customFormat="1" ht="11.25" customHeight="1" x14ac:dyDescent="0.2"/>
    <row r="110" spans="1:12" s="51" customFormat="1" ht="11.25" customHeight="1" x14ac:dyDescent="0.2"/>
    <row r="111" spans="1:12" s="51" customFormat="1" ht="11.25" customHeight="1" x14ac:dyDescent="0.2"/>
    <row r="112" spans="1:12" s="51" customFormat="1" ht="11.25" customHeight="1" x14ac:dyDescent="0.2"/>
    <row r="113" s="51"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44" orientation="portrait" r:id="rId1"/>
    </customSheetView>
    <customSheetView guid="{82EDB5A4-4824-4632-A540-7A52C92F04C7}" showPageBreaks="1" showGridLines="0" fitToPage="1">
      <selection activeCell="E32" sqref="E32"/>
      <pageMargins left="0.19685039370078741" right="0.19685039370078741" top="0.59055118110236227" bottom="0.19685039370078741" header="0" footer="0"/>
      <printOptions horizontalCentered="1"/>
      <pageSetup paperSize="9" scale="45" orientation="portrait" r:id="rId2"/>
    </customSheetView>
    <customSheetView guid="{6DBFA32C-4AA4-4E1D-9A48-697377C64CC3}" showGridLines="0" fitToPage="1">
      <selection activeCell="E32" sqref="E32"/>
      <pageMargins left="0.19685039370078741" right="0.19685039370078741" top="0.59055118110236227" bottom="0.19685039370078741" header="0" footer="0"/>
      <printOptions horizontalCentered="1"/>
      <pageSetup paperSize="9" scale="45" orientation="portrait" r:id="rId3"/>
    </customSheetView>
    <customSheetView guid="{25EF1E0D-169B-4051-B414-7E1196FC05E4}" showGridLines="0" fitToPage="1" topLeftCell="A67">
      <selection activeCell="H97" sqref="H97"/>
      <pageMargins left="0.19685039370078741" right="0.19685039370078741" top="0.19685039370078741" bottom="0.19685039370078741" header="0" footer="0"/>
      <printOptions horizontalCentered="1"/>
      <pageSetup paperSize="9" scale="44" orientation="portrait" r:id="rId4"/>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3AAF6A5F-F9AA-430B-9AD9-1261ECDF41B5}" showGridLines="0" fitToPage="1">
      <selection activeCell="E32" sqref="E32"/>
      <pageMargins left="0.19685039370078741" right="0.19685039370078741" top="0.59055118110236227" bottom="0.19685039370078741" header="0" footer="0"/>
      <printOptions horizontalCentered="1"/>
      <pageSetup paperSize="9" scale="44"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3"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92D050"/>
    <pageSetUpPr fitToPage="1"/>
  </sheetPr>
  <dimension ref="A1:P85"/>
  <sheetViews>
    <sheetView showGridLines="0" zoomScaleNormal="100" workbookViewId="0"/>
  </sheetViews>
  <sheetFormatPr defaultColWidth="4.140625" defaultRowHeight="11.25" customHeight="1" x14ac:dyDescent="0.2"/>
  <cols>
    <col min="1" max="1" width="45.140625" style="283" customWidth="1"/>
    <col min="2" max="2" width="17.28515625" style="321" customWidth="1"/>
    <col min="3" max="3" width="19" style="321" customWidth="1"/>
    <col min="4" max="4" width="19" style="321" bestFit="1" customWidth="1"/>
    <col min="5" max="5" width="17.28515625" style="321" customWidth="1"/>
    <col min="6" max="6" width="19" style="321" bestFit="1" customWidth="1"/>
    <col min="7" max="7" width="20.140625" style="322" bestFit="1" customWidth="1"/>
    <col min="8" max="8" width="19" style="321" customWidth="1"/>
    <col min="9" max="9" width="4.140625" style="225"/>
    <col min="10" max="12" width="4.140625" style="283"/>
    <col min="13" max="13" width="5.140625" style="283" customWidth="1"/>
    <col min="14" max="14" width="4.140625" style="283"/>
    <col min="15" max="15" width="19" style="283" bestFit="1" customWidth="1"/>
    <col min="16" max="16" width="10.28515625" style="283" customWidth="1"/>
    <col min="17" max="16384" width="4.140625" style="283"/>
  </cols>
  <sheetData>
    <row r="1" spans="1:9" s="28" customFormat="1" ht="11.25" customHeight="1" x14ac:dyDescent="0.2">
      <c r="A1" s="287"/>
      <c r="B1" s="321"/>
      <c r="C1" s="321"/>
      <c r="D1" s="321"/>
      <c r="E1" s="321"/>
      <c r="F1" s="321"/>
      <c r="G1" s="322"/>
      <c r="H1" s="321"/>
      <c r="I1" s="120"/>
    </row>
    <row r="2" spans="1:9" s="28" customFormat="1" ht="11.25" customHeight="1" x14ac:dyDescent="0.2">
      <c r="A2" s="287"/>
      <c r="B2" s="321"/>
      <c r="C2" s="321"/>
      <c r="D2" s="321"/>
      <c r="E2" s="321"/>
      <c r="F2" s="321"/>
      <c r="G2" s="322"/>
      <c r="H2" s="321"/>
      <c r="I2" s="120"/>
    </row>
    <row r="3" spans="1:9" s="51" customFormat="1" ht="11.25" customHeight="1" x14ac:dyDescent="0.2">
      <c r="A3" s="681" t="s">
        <v>641</v>
      </c>
      <c r="B3" s="681"/>
      <c r="C3" s="681"/>
      <c r="D3" s="681"/>
      <c r="E3" s="681"/>
      <c r="F3" s="681"/>
      <c r="G3" s="681"/>
      <c r="H3" s="681"/>
      <c r="I3" s="63"/>
    </row>
    <row r="4" spans="1:9" s="51" customFormat="1" ht="11.25" customHeight="1" x14ac:dyDescent="0.2">
      <c r="A4" s="681" t="s">
        <v>105</v>
      </c>
      <c r="B4" s="681"/>
      <c r="C4" s="681"/>
      <c r="D4" s="681"/>
      <c r="E4" s="681"/>
      <c r="F4" s="681"/>
      <c r="G4" s="681"/>
      <c r="H4" s="681"/>
      <c r="I4" s="63"/>
    </row>
    <row r="5" spans="1:9" s="51" customFormat="1" ht="11.25" customHeight="1" x14ac:dyDescent="0.2">
      <c r="A5" s="681" t="s">
        <v>171</v>
      </c>
      <c r="B5" s="681"/>
      <c r="C5" s="681"/>
      <c r="D5" s="681"/>
      <c r="E5" s="681"/>
      <c r="F5" s="681"/>
      <c r="G5" s="681"/>
      <c r="H5" s="681"/>
      <c r="I5" s="63"/>
    </row>
    <row r="6" spans="1:9" s="51" customFormat="1" ht="11.25" customHeight="1" x14ac:dyDescent="0.2">
      <c r="A6" s="681" t="s">
        <v>107</v>
      </c>
      <c r="B6" s="681"/>
      <c r="C6" s="681"/>
      <c r="D6" s="681"/>
      <c r="E6" s="681"/>
      <c r="F6" s="681"/>
      <c r="G6" s="681"/>
      <c r="H6" s="681"/>
      <c r="I6" s="63"/>
    </row>
    <row r="7" spans="1:9" s="51" customFormat="1" ht="11.25" customHeight="1" x14ac:dyDescent="0.2">
      <c r="A7" s="728" t="s">
        <v>873</v>
      </c>
      <c r="B7" s="728"/>
      <c r="C7" s="728"/>
      <c r="D7" s="728"/>
      <c r="E7" s="728"/>
      <c r="F7" s="728"/>
      <c r="G7" s="728"/>
      <c r="H7" s="728"/>
      <c r="I7" s="63"/>
    </row>
    <row r="8" spans="1:9" s="28" customFormat="1" ht="11.25" customHeight="1" x14ac:dyDescent="0.2">
      <c r="A8" s="52"/>
      <c r="B8" s="323"/>
      <c r="C8" s="323"/>
      <c r="D8" s="323"/>
      <c r="E8" s="323"/>
      <c r="F8" s="323"/>
      <c r="G8" s="323"/>
      <c r="H8" s="323"/>
      <c r="I8" s="120"/>
    </row>
    <row r="9" spans="1:9" s="28" customFormat="1" ht="11.25" customHeight="1" x14ac:dyDescent="0.2">
      <c r="A9" s="28" t="s">
        <v>365</v>
      </c>
      <c r="B9" s="321"/>
      <c r="C9" s="321"/>
      <c r="D9" s="321"/>
      <c r="E9" s="321"/>
      <c r="F9" s="321"/>
      <c r="G9" s="330"/>
      <c r="H9" s="330">
        <v>1</v>
      </c>
      <c r="I9" s="120"/>
    </row>
    <row r="10" spans="1:9" ht="11.25" customHeight="1" x14ac:dyDescent="0.2">
      <c r="A10" s="135"/>
      <c r="B10" s="746" t="s">
        <v>172</v>
      </c>
      <c r="C10" s="747"/>
      <c r="D10" s="747"/>
      <c r="E10" s="747"/>
      <c r="F10" s="747"/>
      <c r="G10" s="747"/>
      <c r="H10" s="747"/>
    </row>
    <row r="11" spans="1:9" ht="11.25" customHeight="1" x14ac:dyDescent="0.2">
      <c r="A11" s="286" t="s">
        <v>173</v>
      </c>
      <c r="B11" s="748"/>
      <c r="C11" s="749"/>
      <c r="D11" s="749"/>
      <c r="E11" s="749"/>
      <c r="F11" s="749"/>
      <c r="G11" s="749"/>
      <c r="H11" s="749"/>
    </row>
    <row r="12" spans="1:9" ht="15" customHeight="1" x14ac:dyDescent="0.2">
      <c r="A12" s="56"/>
      <c r="B12" s="483" t="s">
        <v>741</v>
      </c>
      <c r="C12" s="335" t="s">
        <v>742</v>
      </c>
      <c r="D12" s="335" t="s">
        <v>743</v>
      </c>
      <c r="E12" s="335" t="s">
        <v>744</v>
      </c>
      <c r="F12" s="428" t="s">
        <v>863</v>
      </c>
      <c r="G12" s="428" t="s">
        <v>864</v>
      </c>
      <c r="H12" s="484" t="s">
        <v>874</v>
      </c>
    </row>
    <row r="13" spans="1:9" s="73" customFormat="1" ht="10.5" x14ac:dyDescent="0.2">
      <c r="A13" s="136" t="s">
        <v>176</v>
      </c>
      <c r="B13" s="540">
        <v>976776025.08000004</v>
      </c>
      <c r="C13" s="540">
        <v>1201079487.22</v>
      </c>
      <c r="D13" s="540">
        <v>1101788593.7499998</v>
      </c>
      <c r="E13" s="540">
        <v>904433255.06999981</v>
      </c>
      <c r="F13" s="540">
        <v>916049742.93000019</v>
      </c>
      <c r="G13" s="540">
        <v>982170421.42999995</v>
      </c>
      <c r="H13" s="540">
        <v>1006060241.4199998</v>
      </c>
      <c r="I13" s="163"/>
    </row>
    <row r="14" spans="1:9" ht="10.5" x14ac:dyDescent="0.2">
      <c r="A14" s="31" t="s">
        <v>177</v>
      </c>
      <c r="B14" s="452">
        <v>668965536.63</v>
      </c>
      <c r="C14" s="541">
        <v>821390933.29000008</v>
      </c>
      <c r="D14" s="452">
        <v>799499913.00999999</v>
      </c>
      <c r="E14" s="452">
        <v>614898556.80999994</v>
      </c>
      <c r="F14" s="452">
        <v>649153840.6700002</v>
      </c>
      <c r="G14" s="452">
        <v>701632621.8599999</v>
      </c>
      <c r="H14" s="452">
        <v>670608538.11999989</v>
      </c>
    </row>
    <row r="15" spans="1:9" ht="10.5" x14ac:dyDescent="0.2">
      <c r="A15" s="31" t="s">
        <v>419</v>
      </c>
      <c r="B15" s="542">
        <v>591782160.12</v>
      </c>
      <c r="C15" s="542">
        <v>644552828.45000005</v>
      </c>
      <c r="D15" s="452">
        <v>587682625.99000001</v>
      </c>
      <c r="E15" s="452">
        <v>523211412.75999999</v>
      </c>
      <c r="F15" s="452">
        <v>547978168.58000004</v>
      </c>
      <c r="G15" s="452">
        <v>605326293.30999994</v>
      </c>
      <c r="H15" s="542">
        <v>580281807.77999997</v>
      </c>
    </row>
    <row r="16" spans="1:9" ht="10.5" x14ac:dyDescent="0.2">
      <c r="A16" s="31" t="s">
        <v>420</v>
      </c>
      <c r="B16" s="542">
        <v>4093667.23</v>
      </c>
      <c r="C16" s="542">
        <v>24116335.530000001</v>
      </c>
      <c r="D16" s="452">
        <v>174535106.62</v>
      </c>
      <c r="E16" s="452">
        <v>26373911.09</v>
      </c>
      <c r="F16" s="452">
        <v>26469276.98</v>
      </c>
      <c r="G16" s="452">
        <v>23760696.239999998</v>
      </c>
      <c r="H16" s="542">
        <v>21606640.75</v>
      </c>
    </row>
    <row r="17" spans="1:9" ht="10.5" x14ac:dyDescent="0.2">
      <c r="A17" s="31" t="s">
        <v>421</v>
      </c>
      <c r="B17" s="542">
        <v>9590093.0399999991</v>
      </c>
      <c r="C17" s="542">
        <v>9291101.3300000001</v>
      </c>
      <c r="D17" s="452">
        <v>6900379.1200000001</v>
      </c>
      <c r="E17" s="452">
        <v>4324192.87</v>
      </c>
      <c r="F17" s="452">
        <v>8103631.8300000001</v>
      </c>
      <c r="G17" s="452">
        <v>5513013.1600000001</v>
      </c>
      <c r="H17" s="542">
        <v>8315101.7999999998</v>
      </c>
    </row>
    <row r="18" spans="1:9" ht="10.5" x14ac:dyDescent="0.2">
      <c r="A18" s="31" t="s">
        <v>418</v>
      </c>
      <c r="B18" s="542">
        <v>40486661.350000001</v>
      </c>
      <c r="C18" s="542">
        <v>115181364.06999999</v>
      </c>
      <c r="D18" s="452">
        <v>16444108.98</v>
      </c>
      <c r="E18" s="452">
        <v>42865748.549999997</v>
      </c>
      <c r="F18" s="452">
        <v>45927108.090000004</v>
      </c>
      <c r="G18" s="452">
        <v>49596859.020000003</v>
      </c>
      <c r="H18" s="542">
        <v>41695157.859999999</v>
      </c>
    </row>
    <row r="19" spans="1:9" ht="10.5" x14ac:dyDescent="0.2">
      <c r="A19" s="31" t="s">
        <v>422</v>
      </c>
      <c r="B19" s="542">
        <v>23012954.890000001</v>
      </c>
      <c r="C19" s="542">
        <v>28249303.91</v>
      </c>
      <c r="D19" s="452">
        <v>13937692.300000001</v>
      </c>
      <c r="E19" s="452">
        <v>18123291.539999999</v>
      </c>
      <c r="F19" s="452">
        <v>20675655.190000001</v>
      </c>
      <c r="G19" s="452">
        <v>17435760.129999999</v>
      </c>
      <c r="H19" s="542">
        <v>18709829.93</v>
      </c>
    </row>
    <row r="20" spans="1:9" ht="10.5" x14ac:dyDescent="0.2">
      <c r="A20" s="31" t="s">
        <v>178</v>
      </c>
      <c r="B20" s="542">
        <v>28319763.510000002</v>
      </c>
      <c r="C20" s="542">
        <v>55144049.049999997</v>
      </c>
      <c r="D20" s="452">
        <v>12848164.560000001</v>
      </c>
      <c r="E20" s="452">
        <v>16900171.550000001</v>
      </c>
      <c r="F20" s="452">
        <v>18821320.469999999</v>
      </c>
      <c r="G20" s="452">
        <v>11716530.630000001</v>
      </c>
      <c r="H20" s="542">
        <v>42135340.5</v>
      </c>
    </row>
    <row r="21" spans="1:9" ht="10.5" x14ac:dyDescent="0.2">
      <c r="A21" s="31" t="s">
        <v>179</v>
      </c>
      <c r="B21" s="542">
        <v>763264.52</v>
      </c>
      <c r="C21" s="542">
        <v>963986.26</v>
      </c>
      <c r="D21" s="452">
        <v>6723383.3899999997</v>
      </c>
      <c r="E21" s="452">
        <v>6675794.4199999999</v>
      </c>
      <c r="F21" s="452">
        <v>7930773.6200000001</v>
      </c>
      <c r="G21" s="452">
        <v>8572440.2400000002</v>
      </c>
      <c r="H21" s="542">
        <v>8861258</v>
      </c>
    </row>
    <row r="22" spans="1:9" ht="10.5" x14ac:dyDescent="0.2">
      <c r="A22" s="31" t="s">
        <v>180</v>
      </c>
      <c r="B22" s="542">
        <v>0</v>
      </c>
      <c r="C22" s="542">
        <v>0</v>
      </c>
      <c r="D22" s="452">
        <v>0</v>
      </c>
      <c r="E22" s="452">
        <v>0</v>
      </c>
      <c r="F22" s="452">
        <v>0</v>
      </c>
      <c r="G22" s="452">
        <v>0</v>
      </c>
      <c r="H22" s="542">
        <v>0</v>
      </c>
    </row>
    <row r="23" spans="1:9" ht="10.5" x14ac:dyDescent="0.2">
      <c r="A23" s="31" t="s">
        <v>181</v>
      </c>
      <c r="B23" s="542">
        <v>0</v>
      </c>
      <c r="C23" s="542">
        <v>0</v>
      </c>
      <c r="D23" s="452">
        <v>0</v>
      </c>
      <c r="E23" s="452">
        <v>0</v>
      </c>
      <c r="F23" s="452">
        <v>0</v>
      </c>
      <c r="G23" s="452">
        <v>0</v>
      </c>
      <c r="H23" s="542">
        <v>0</v>
      </c>
    </row>
    <row r="24" spans="1:9" ht="10.5" x14ac:dyDescent="0.2">
      <c r="A24" s="31" t="s">
        <v>186</v>
      </c>
      <c r="B24" s="542">
        <v>47200659.609999999</v>
      </c>
      <c r="C24" s="542">
        <v>44921170.450000003</v>
      </c>
      <c r="D24" s="452">
        <v>30602025.84</v>
      </c>
      <c r="E24" s="452">
        <v>28882653.66</v>
      </c>
      <c r="F24" s="452">
        <v>38086618.530000001</v>
      </c>
      <c r="G24" s="452">
        <v>44409574.219999999</v>
      </c>
      <c r="H24" s="542">
        <v>44817980.920000002</v>
      </c>
    </row>
    <row r="25" spans="1:9" ht="10.5" x14ac:dyDescent="0.2">
      <c r="A25" s="31" t="s">
        <v>182</v>
      </c>
      <c r="B25" s="452">
        <v>221099976.99000001</v>
      </c>
      <c r="C25" s="452">
        <v>228080175.49000001</v>
      </c>
      <c r="D25" s="452">
        <v>242400879.34999999</v>
      </c>
      <c r="E25" s="452">
        <v>230447506.27999997</v>
      </c>
      <c r="F25" s="452">
        <v>193144194.88999999</v>
      </c>
      <c r="G25" s="452">
        <v>207519516.25</v>
      </c>
      <c r="H25" s="452">
        <v>224897826.56999999</v>
      </c>
    </row>
    <row r="26" spans="1:9" ht="10.5" x14ac:dyDescent="0.2">
      <c r="A26" s="31" t="s">
        <v>423</v>
      </c>
      <c r="B26" s="542">
        <v>84116356.060000002</v>
      </c>
      <c r="C26" s="542">
        <v>92395654.930000007</v>
      </c>
      <c r="D26" s="452">
        <v>103504091.45</v>
      </c>
      <c r="E26" s="452">
        <v>105657624.64</v>
      </c>
      <c r="F26" s="452">
        <v>76956060.219999999</v>
      </c>
      <c r="G26" s="452">
        <v>83055981.260000005</v>
      </c>
      <c r="H26" s="542">
        <v>102135688.70999999</v>
      </c>
    </row>
    <row r="27" spans="1:9" ht="10.5" x14ac:dyDescent="0.2">
      <c r="A27" s="31" t="s">
        <v>424</v>
      </c>
      <c r="B27" s="542">
        <v>1504729.69</v>
      </c>
      <c r="C27" s="542">
        <v>3009459.38</v>
      </c>
      <c r="D27" s="452">
        <v>0</v>
      </c>
      <c r="E27" s="452">
        <v>0</v>
      </c>
      <c r="F27" s="452">
        <v>0</v>
      </c>
      <c r="G27" s="452">
        <v>6018918.75</v>
      </c>
      <c r="H27" s="542">
        <v>1504729.69</v>
      </c>
    </row>
    <row r="28" spans="1:9" ht="10.5" x14ac:dyDescent="0.2">
      <c r="A28" s="31" t="s">
        <v>425</v>
      </c>
      <c r="B28" s="542">
        <v>8577270.1899999995</v>
      </c>
      <c r="C28" s="542">
        <v>8463270.4700000007</v>
      </c>
      <c r="D28" s="452">
        <v>11263748.6</v>
      </c>
      <c r="E28" s="452">
        <v>6701026.1299999999</v>
      </c>
      <c r="F28" s="452">
        <v>6573010.79</v>
      </c>
      <c r="G28" s="452">
        <v>6884435.8300000001</v>
      </c>
      <c r="H28" s="542">
        <v>4038440.55</v>
      </c>
    </row>
    <row r="29" spans="1:9" ht="10.5" x14ac:dyDescent="0.2">
      <c r="A29" s="31" t="s">
        <v>426</v>
      </c>
      <c r="B29" s="542">
        <v>80294032.040000007</v>
      </c>
      <c r="C29" s="542">
        <v>76603694.640000001</v>
      </c>
      <c r="D29" s="452">
        <v>80061435.019999996</v>
      </c>
      <c r="E29" s="452">
        <v>76782173.819999993</v>
      </c>
      <c r="F29" s="452">
        <v>67529021.870000005</v>
      </c>
      <c r="G29" s="452">
        <v>70914227.629999995</v>
      </c>
      <c r="H29" s="542">
        <v>72507414.430000007</v>
      </c>
    </row>
    <row r="30" spans="1:9" ht="10.5" x14ac:dyDescent="0.2">
      <c r="A30" s="31" t="s">
        <v>427</v>
      </c>
      <c r="B30" s="542">
        <v>46607589.009999998</v>
      </c>
      <c r="C30" s="542">
        <v>47608096.07</v>
      </c>
      <c r="D30" s="452">
        <v>47571604.280000001</v>
      </c>
      <c r="E30" s="452">
        <v>41306681.689999998</v>
      </c>
      <c r="F30" s="452">
        <v>42086102.009999998</v>
      </c>
      <c r="G30" s="452">
        <v>40645952.780000001</v>
      </c>
      <c r="H30" s="542">
        <v>44711553.189999998</v>
      </c>
    </row>
    <row r="31" spans="1:9" ht="10.5" x14ac:dyDescent="0.2">
      <c r="A31" s="31" t="s">
        <v>183</v>
      </c>
      <c r="B31" s="542">
        <v>10426823.82</v>
      </c>
      <c r="C31" s="542">
        <v>50579172.68</v>
      </c>
      <c r="D31" s="452">
        <v>9714227.5999999996</v>
      </c>
      <c r="E31" s="452">
        <v>6628572.3499999996</v>
      </c>
      <c r="F31" s="452">
        <v>8912994.75</v>
      </c>
      <c r="G31" s="452">
        <v>8319738.2300000004</v>
      </c>
      <c r="H31" s="542">
        <v>14739297.310000001</v>
      </c>
    </row>
    <row r="32" spans="1:9" s="73" customFormat="1" ht="10.5" x14ac:dyDescent="0.2">
      <c r="A32" s="136" t="s">
        <v>184</v>
      </c>
      <c r="B32" s="450">
        <v>298016432.49000001</v>
      </c>
      <c r="C32" s="450">
        <v>351698577.89999998</v>
      </c>
      <c r="D32" s="450">
        <v>385492604.48000002</v>
      </c>
      <c r="E32" s="450">
        <v>273343390.47000003</v>
      </c>
      <c r="F32" s="450">
        <v>277802307.66999996</v>
      </c>
      <c r="G32" s="450">
        <v>306977032.69</v>
      </c>
      <c r="H32" s="450">
        <v>319337249.94</v>
      </c>
      <c r="I32" s="163"/>
    </row>
    <row r="33" spans="1:16" ht="10.5" x14ac:dyDescent="0.2">
      <c r="A33" s="31" t="s">
        <v>185</v>
      </c>
      <c r="B33" s="542">
        <v>158736071.74000001</v>
      </c>
      <c r="C33" s="542">
        <v>173920119.34999999</v>
      </c>
      <c r="D33" s="452">
        <v>243030683.58000001</v>
      </c>
      <c r="E33" s="452">
        <v>151666129.28</v>
      </c>
      <c r="F33" s="452">
        <v>155451890.84999999</v>
      </c>
      <c r="G33" s="452">
        <v>182208239.41999999</v>
      </c>
      <c r="H33" s="542">
        <v>164255917.31</v>
      </c>
    </row>
    <row r="34" spans="1:16" ht="10.5" x14ac:dyDescent="0.2">
      <c r="A34" s="31" t="s">
        <v>366</v>
      </c>
      <c r="B34" s="542">
        <v>28230336.48</v>
      </c>
      <c r="C34" s="542">
        <v>55032725.600000001</v>
      </c>
      <c r="D34" s="452">
        <v>12593547.49</v>
      </c>
      <c r="E34" s="452">
        <v>16616770.939999999</v>
      </c>
      <c r="F34" s="452">
        <v>18749534.5</v>
      </c>
      <c r="G34" s="452">
        <v>10628592.619999999</v>
      </c>
      <c r="H34" s="542">
        <v>41694061.960000001</v>
      </c>
    </row>
    <row r="35" spans="1:16" ht="10.5" x14ac:dyDescent="0.2">
      <c r="A35" s="31" t="s">
        <v>428</v>
      </c>
      <c r="B35" s="542">
        <v>0</v>
      </c>
      <c r="C35" s="542">
        <v>0</v>
      </c>
      <c r="D35" s="452">
        <v>0</v>
      </c>
      <c r="E35" s="452">
        <v>0</v>
      </c>
      <c r="F35" s="452">
        <v>0</v>
      </c>
      <c r="G35" s="452">
        <v>0</v>
      </c>
      <c r="H35" s="542">
        <v>0</v>
      </c>
    </row>
    <row r="36" spans="1:16" ht="10.5" x14ac:dyDescent="0.2">
      <c r="A36" s="31" t="s">
        <v>223</v>
      </c>
      <c r="B36" s="542">
        <v>764824.62</v>
      </c>
      <c r="C36" s="542">
        <v>742587.35</v>
      </c>
      <c r="D36" s="452">
        <v>0</v>
      </c>
      <c r="E36" s="452">
        <v>459968.06</v>
      </c>
      <c r="F36" s="452">
        <v>0</v>
      </c>
      <c r="G36" s="452">
        <v>427929.84</v>
      </c>
      <c r="H36" s="542">
        <v>0</v>
      </c>
    </row>
    <row r="37" spans="1:16" s="73" customFormat="1" ht="10.5" x14ac:dyDescent="0.2">
      <c r="A37" s="31" t="s">
        <v>226</v>
      </c>
      <c r="B37" s="542">
        <v>110285199.65000001</v>
      </c>
      <c r="C37" s="542">
        <v>122003145.59999999</v>
      </c>
      <c r="D37" s="452">
        <v>129868373.41</v>
      </c>
      <c r="E37" s="452">
        <v>104600522.19</v>
      </c>
      <c r="F37" s="452">
        <v>103600882.31999999</v>
      </c>
      <c r="G37" s="452">
        <v>113712270.81</v>
      </c>
      <c r="H37" s="542">
        <v>113387270.67</v>
      </c>
      <c r="I37" s="163"/>
    </row>
    <row r="38" spans="1:16" s="73" customFormat="1" ht="15" customHeight="1" x14ac:dyDescent="0.2">
      <c r="A38" s="29" t="s">
        <v>234</v>
      </c>
      <c r="B38" s="466">
        <v>678759592.59000003</v>
      </c>
      <c r="C38" s="466">
        <v>849380909.32000005</v>
      </c>
      <c r="D38" s="466">
        <v>716295989.26999974</v>
      </c>
      <c r="E38" s="384">
        <v>631089864.59999979</v>
      </c>
      <c r="F38" s="466">
        <v>638247435.26000023</v>
      </c>
      <c r="G38" s="466">
        <v>675193388.74000001</v>
      </c>
      <c r="H38" s="466">
        <v>686722991.47999978</v>
      </c>
      <c r="I38" s="163"/>
    </row>
    <row r="39" spans="1:16" ht="6" customHeight="1" x14ac:dyDescent="0.2">
      <c r="A39" s="750"/>
      <c r="B39" s="750"/>
      <c r="C39" s="750"/>
      <c r="D39" s="750"/>
      <c r="E39" s="750"/>
      <c r="F39" s="750"/>
      <c r="G39" s="750"/>
      <c r="H39" s="750"/>
    </row>
    <row r="40" spans="1:16" s="28" customFormat="1" ht="6" customHeight="1" x14ac:dyDescent="0.2">
      <c r="B40" s="321"/>
      <c r="C40" s="321"/>
      <c r="D40" s="321"/>
      <c r="E40" s="321"/>
      <c r="F40" s="321"/>
      <c r="G40" s="321"/>
      <c r="H40" s="321"/>
      <c r="I40" s="120"/>
    </row>
    <row r="41" spans="1:16" ht="11.25" customHeight="1" x14ac:dyDescent="0.2">
      <c r="A41" s="135"/>
      <c r="B41" s="746" t="s">
        <v>172</v>
      </c>
      <c r="C41" s="747"/>
      <c r="D41" s="747"/>
      <c r="E41" s="747"/>
      <c r="F41" s="747"/>
      <c r="G41" s="333" t="s">
        <v>170</v>
      </c>
      <c r="H41" s="333" t="s">
        <v>108</v>
      </c>
    </row>
    <row r="42" spans="1:16" ht="11.25" customHeight="1" x14ac:dyDescent="0.2">
      <c r="A42" s="286" t="s">
        <v>173</v>
      </c>
      <c r="B42" s="748"/>
      <c r="C42" s="749"/>
      <c r="D42" s="749"/>
      <c r="E42" s="749"/>
      <c r="F42" s="749"/>
      <c r="G42" s="334" t="s">
        <v>174</v>
      </c>
      <c r="H42" s="334" t="s">
        <v>112</v>
      </c>
    </row>
    <row r="43" spans="1:16" ht="15" customHeight="1" x14ac:dyDescent="0.2">
      <c r="A43" s="56"/>
      <c r="B43" s="484" t="s">
        <v>875</v>
      </c>
      <c r="C43" s="484" t="s">
        <v>876</v>
      </c>
      <c r="D43" s="484" t="s">
        <v>877</v>
      </c>
      <c r="E43" s="484" t="s">
        <v>878</v>
      </c>
      <c r="F43" s="484" t="s">
        <v>879</v>
      </c>
      <c r="G43" s="331" t="s">
        <v>175</v>
      </c>
      <c r="H43" s="339">
        <v>2015</v>
      </c>
    </row>
    <row r="44" spans="1:16" s="73" customFormat="1" ht="10.5" x14ac:dyDescent="0.2">
      <c r="A44" s="136" t="s">
        <v>176</v>
      </c>
      <c r="B44" s="540">
        <v>970564725.51000011</v>
      </c>
      <c r="C44" s="540">
        <v>994884354.13999987</v>
      </c>
      <c r="D44" s="540">
        <v>999252664.14999998</v>
      </c>
      <c r="E44" s="540">
        <v>975849866.98000002</v>
      </c>
      <c r="F44" s="540">
        <v>1017361681.8899999</v>
      </c>
      <c r="G44" s="540">
        <v>12046271059.57</v>
      </c>
      <c r="H44" s="543">
        <v>12469124900</v>
      </c>
      <c r="I44" s="163"/>
      <c r="O44" s="213"/>
      <c r="P44" s="213"/>
    </row>
    <row r="45" spans="1:16" ht="10.5" x14ac:dyDescent="0.2">
      <c r="A45" s="31" t="s">
        <v>177</v>
      </c>
      <c r="B45" s="541">
        <v>666858165.99000013</v>
      </c>
      <c r="C45" s="452">
        <v>691351494.65999985</v>
      </c>
      <c r="D45" s="452">
        <v>694161069.98999989</v>
      </c>
      <c r="E45" s="452">
        <v>687646671.42999995</v>
      </c>
      <c r="F45" s="452">
        <v>676435703.5999999</v>
      </c>
      <c r="G45" s="452">
        <v>8342603046.0599995</v>
      </c>
      <c r="H45" s="541">
        <v>8120560200</v>
      </c>
      <c r="O45" s="212"/>
      <c r="P45" s="213"/>
    </row>
    <row r="46" spans="1:16" ht="10.5" x14ac:dyDescent="0.2">
      <c r="A46" s="31" t="s">
        <v>419</v>
      </c>
      <c r="B46" s="542">
        <v>571703195.5200001</v>
      </c>
      <c r="C46" s="452">
        <v>595703094.02999997</v>
      </c>
      <c r="D46" s="452">
        <v>604777681.92999995</v>
      </c>
      <c r="E46" s="452">
        <v>586553488.82999992</v>
      </c>
      <c r="F46" s="452">
        <v>585179815.51999998</v>
      </c>
      <c r="G46" s="452">
        <v>7024732572.8199997</v>
      </c>
      <c r="H46" s="544">
        <v>6742500000</v>
      </c>
      <c r="O46" s="212"/>
      <c r="P46" s="213"/>
    </row>
    <row r="47" spans="1:16" ht="10.5" x14ac:dyDescent="0.2">
      <c r="A47" s="31" t="s">
        <v>420</v>
      </c>
      <c r="B47" s="542">
        <v>10294532.4</v>
      </c>
      <c r="C47" s="452">
        <v>9813272.5299999993</v>
      </c>
      <c r="D47" s="452">
        <v>8594754.7400000002</v>
      </c>
      <c r="E47" s="452">
        <v>8235916.0499999998</v>
      </c>
      <c r="F47" s="452">
        <v>7473951.25</v>
      </c>
      <c r="G47" s="452">
        <v>345368061.40999997</v>
      </c>
      <c r="H47" s="544">
        <v>329900000</v>
      </c>
      <c r="O47" s="212"/>
      <c r="P47" s="213"/>
    </row>
    <row r="48" spans="1:16" ht="10.5" x14ac:dyDescent="0.2">
      <c r="A48" s="31" t="s">
        <v>421</v>
      </c>
      <c r="B48" s="542">
        <v>10630796.34</v>
      </c>
      <c r="C48" s="452">
        <v>7605769.0199999996</v>
      </c>
      <c r="D48" s="452">
        <v>9732295.1799999997</v>
      </c>
      <c r="E48" s="452">
        <v>7577783.1100000003</v>
      </c>
      <c r="F48" s="452">
        <v>10418904.140000001</v>
      </c>
      <c r="G48" s="452">
        <v>98003060.939999998</v>
      </c>
      <c r="H48" s="544">
        <v>105800000</v>
      </c>
      <c r="O48" s="212"/>
      <c r="P48" s="213"/>
    </row>
    <row r="49" spans="1:16" ht="10.5" x14ac:dyDescent="0.2">
      <c r="A49" s="31" t="s">
        <v>418</v>
      </c>
      <c r="B49" s="542">
        <v>45110977.710000001</v>
      </c>
      <c r="C49" s="452">
        <v>47188218.670000002</v>
      </c>
      <c r="D49" s="452">
        <v>45345755.350000001</v>
      </c>
      <c r="E49" s="452">
        <v>52907120.82</v>
      </c>
      <c r="F49" s="452">
        <v>40132261.509999998</v>
      </c>
      <c r="G49" s="452">
        <v>582881341.98000002</v>
      </c>
      <c r="H49" s="544">
        <v>510400000</v>
      </c>
      <c r="O49" s="212"/>
      <c r="P49" s="213"/>
    </row>
    <row r="50" spans="1:16" ht="10.5" x14ac:dyDescent="0.2">
      <c r="A50" s="31" t="s">
        <v>422</v>
      </c>
      <c r="B50" s="542">
        <v>29118664.020000003</v>
      </c>
      <c r="C50" s="452">
        <v>31041140.409999996</v>
      </c>
      <c r="D50" s="452">
        <v>25710582.789999999</v>
      </c>
      <c r="E50" s="452">
        <v>32372362.619999997</v>
      </c>
      <c r="F50" s="452">
        <v>33230771.18</v>
      </c>
      <c r="G50" s="452">
        <v>291618008.90999997</v>
      </c>
      <c r="H50" s="544">
        <v>431960200</v>
      </c>
      <c r="O50" s="212"/>
      <c r="P50" s="213"/>
    </row>
    <row r="51" spans="1:16" ht="10.5" x14ac:dyDescent="0.2">
      <c r="A51" s="31" t="s">
        <v>178</v>
      </c>
      <c r="B51" s="542">
        <v>23440094.18</v>
      </c>
      <c r="C51" s="452">
        <v>54833119.640000001</v>
      </c>
      <c r="D51" s="452">
        <v>41271724.530000001</v>
      </c>
      <c r="E51" s="452">
        <v>21177747.449999999</v>
      </c>
      <c r="F51" s="452">
        <v>24721524.100000001</v>
      </c>
      <c r="G51" s="452">
        <v>351329550.17000002</v>
      </c>
      <c r="H51" s="544">
        <v>388750900</v>
      </c>
      <c r="O51" s="212"/>
      <c r="P51" s="213"/>
    </row>
    <row r="52" spans="1:16" ht="10.5" x14ac:dyDescent="0.2">
      <c r="A52" s="31" t="s">
        <v>179</v>
      </c>
      <c r="B52" s="542">
        <v>8576976.3300000001</v>
      </c>
      <c r="C52" s="452">
        <v>11681962.84</v>
      </c>
      <c r="D52" s="452">
        <v>9987528.1099999994</v>
      </c>
      <c r="E52" s="452">
        <v>14109174.65</v>
      </c>
      <c r="F52" s="452">
        <v>23712441.399999999</v>
      </c>
      <c r="G52" s="452">
        <v>108558983.78</v>
      </c>
      <c r="H52" s="544">
        <v>135829800</v>
      </c>
      <c r="O52" s="212"/>
      <c r="P52" s="213"/>
    </row>
    <row r="53" spans="1:16" ht="10.5" x14ac:dyDescent="0.2">
      <c r="A53" s="31" t="s">
        <v>180</v>
      </c>
      <c r="B53" s="542">
        <v>0</v>
      </c>
      <c r="C53" s="452">
        <v>0</v>
      </c>
      <c r="D53" s="452">
        <v>0</v>
      </c>
      <c r="E53" s="452">
        <v>0</v>
      </c>
      <c r="F53" s="452">
        <v>0</v>
      </c>
      <c r="G53" s="452">
        <v>0</v>
      </c>
      <c r="H53" s="541">
        <v>0</v>
      </c>
      <c r="O53" s="212"/>
      <c r="P53" s="213"/>
    </row>
    <row r="54" spans="1:16" ht="10.5" x14ac:dyDescent="0.2">
      <c r="A54" s="31" t="s">
        <v>181</v>
      </c>
      <c r="B54" s="542">
        <v>0</v>
      </c>
      <c r="C54" s="452">
        <v>0</v>
      </c>
      <c r="D54" s="452">
        <v>0</v>
      </c>
      <c r="E54" s="452">
        <v>0</v>
      </c>
      <c r="F54" s="452">
        <v>0</v>
      </c>
      <c r="G54" s="452">
        <v>0</v>
      </c>
      <c r="H54" s="541">
        <v>0</v>
      </c>
      <c r="O54" s="212"/>
      <c r="P54" s="213"/>
    </row>
    <row r="55" spans="1:16" ht="10.5" x14ac:dyDescent="0.2">
      <c r="A55" s="31" t="s">
        <v>186</v>
      </c>
      <c r="B55" s="542">
        <v>44227441.590000004</v>
      </c>
      <c r="C55" s="452">
        <v>31703231.600000001</v>
      </c>
      <c r="D55" s="452">
        <v>38781320.719999999</v>
      </c>
      <c r="E55" s="452">
        <v>53660431.979999997</v>
      </c>
      <c r="F55" s="452">
        <v>41792186.060000002</v>
      </c>
      <c r="G55" s="452">
        <v>489085295.18000013</v>
      </c>
      <c r="H55" s="544">
        <v>447593100</v>
      </c>
      <c r="O55" s="212"/>
      <c r="P55" s="213"/>
    </row>
    <row r="56" spans="1:16" ht="10.5" x14ac:dyDescent="0.2">
      <c r="A56" s="31" t="s">
        <v>182</v>
      </c>
      <c r="B56" s="452">
        <v>215885692.77000001</v>
      </c>
      <c r="C56" s="452">
        <v>193089249.15000001</v>
      </c>
      <c r="D56" s="452">
        <v>201461174.72999999</v>
      </c>
      <c r="E56" s="452">
        <v>186584703.68000001</v>
      </c>
      <c r="F56" s="452">
        <v>241546452.93000001</v>
      </c>
      <c r="G56" s="452">
        <v>2586157349.0799999</v>
      </c>
      <c r="H56" s="541">
        <v>3212642800</v>
      </c>
      <c r="O56" s="212"/>
      <c r="P56" s="213"/>
    </row>
    <row r="57" spans="1:16" ht="10.5" x14ac:dyDescent="0.2">
      <c r="A57" s="31" t="s">
        <v>423</v>
      </c>
      <c r="B57" s="542">
        <v>88868403.599999994</v>
      </c>
      <c r="C57" s="452">
        <v>65804266.659999996</v>
      </c>
      <c r="D57" s="452">
        <v>76962691.120000005</v>
      </c>
      <c r="E57" s="452">
        <v>64164274.240000002</v>
      </c>
      <c r="F57" s="452">
        <v>73029577.859999999</v>
      </c>
      <c r="G57" s="452">
        <v>1016650670.75</v>
      </c>
      <c r="H57" s="544">
        <v>1070500000</v>
      </c>
      <c r="O57" s="212"/>
      <c r="P57" s="213"/>
    </row>
    <row r="58" spans="1:16" ht="10.5" x14ac:dyDescent="0.2">
      <c r="A58" s="31" t="s">
        <v>424</v>
      </c>
      <c r="B58" s="542">
        <v>1504729.69</v>
      </c>
      <c r="C58" s="452">
        <v>1504729.69</v>
      </c>
      <c r="D58" s="452">
        <v>1504729.69</v>
      </c>
      <c r="E58" s="452">
        <v>1504729.69</v>
      </c>
      <c r="F58" s="452">
        <v>1504729.69</v>
      </c>
      <c r="G58" s="452">
        <v>19561485.960000001</v>
      </c>
      <c r="H58" s="544">
        <v>18100000</v>
      </c>
      <c r="O58" s="212"/>
      <c r="P58" s="213"/>
    </row>
    <row r="59" spans="1:16" ht="10.5" x14ac:dyDescent="0.2">
      <c r="A59" s="31" t="s">
        <v>425</v>
      </c>
      <c r="B59" s="542">
        <v>7397516.4800000004</v>
      </c>
      <c r="C59" s="452">
        <v>10542583.23</v>
      </c>
      <c r="D59" s="452">
        <v>7251063.7300000004</v>
      </c>
      <c r="E59" s="452">
        <v>7230465.2699999996</v>
      </c>
      <c r="F59" s="452">
        <v>8386749.8300000001</v>
      </c>
      <c r="G59" s="452">
        <v>93309581.099999994</v>
      </c>
      <c r="H59" s="544">
        <v>70200000</v>
      </c>
      <c r="O59" s="212"/>
      <c r="P59" s="213"/>
    </row>
    <row r="60" spans="1:16" ht="10.5" x14ac:dyDescent="0.2">
      <c r="A60" s="31" t="s">
        <v>426</v>
      </c>
      <c r="B60" s="542">
        <v>70146489.019999996</v>
      </c>
      <c r="C60" s="452">
        <v>65333972.869999997</v>
      </c>
      <c r="D60" s="452">
        <v>68285020.739999995</v>
      </c>
      <c r="E60" s="452">
        <v>64494737.859999999</v>
      </c>
      <c r="F60" s="452">
        <v>73627497.010000005</v>
      </c>
      <c r="G60" s="452">
        <v>866579716.95000005</v>
      </c>
      <c r="H60" s="544">
        <v>927764000</v>
      </c>
      <c r="O60" s="212"/>
      <c r="P60" s="213"/>
    </row>
    <row r="61" spans="1:16" ht="10.5" x14ac:dyDescent="0.2">
      <c r="A61" s="31" t="s">
        <v>427</v>
      </c>
      <c r="B61" s="542">
        <v>47968553.980000019</v>
      </c>
      <c r="C61" s="452">
        <v>49903696.70000001</v>
      </c>
      <c r="D61" s="452">
        <v>47457669.449999988</v>
      </c>
      <c r="E61" s="452">
        <v>49190496.620000005</v>
      </c>
      <c r="F61" s="452">
        <v>84997898.540000007</v>
      </c>
      <c r="G61" s="452">
        <v>590055894.31999993</v>
      </c>
      <c r="H61" s="544">
        <v>1126078800</v>
      </c>
      <c r="O61" s="212"/>
      <c r="P61" s="213"/>
    </row>
    <row r="62" spans="1:16" ht="10.5" x14ac:dyDescent="0.2">
      <c r="A62" s="31" t="s">
        <v>183</v>
      </c>
      <c r="B62" s="542">
        <v>11576354.65</v>
      </c>
      <c r="C62" s="452">
        <v>12225296.25</v>
      </c>
      <c r="D62" s="452">
        <v>13589846.07</v>
      </c>
      <c r="E62" s="452">
        <v>12671137.789999999</v>
      </c>
      <c r="F62" s="452">
        <v>9153373.8000000007</v>
      </c>
      <c r="G62" s="452">
        <v>168536835.30000001</v>
      </c>
      <c r="H62" s="544">
        <v>163748100</v>
      </c>
      <c r="O62" s="212"/>
      <c r="P62" s="213"/>
    </row>
    <row r="63" spans="1:16" s="73" customFormat="1" ht="10.5" x14ac:dyDescent="0.2">
      <c r="A63" s="137" t="s">
        <v>184</v>
      </c>
      <c r="B63" s="450">
        <v>292334031.92999995</v>
      </c>
      <c r="C63" s="450">
        <v>326372565.22999996</v>
      </c>
      <c r="D63" s="450">
        <v>317775144.68000001</v>
      </c>
      <c r="E63" s="450">
        <v>287324973.38</v>
      </c>
      <c r="F63" s="450">
        <v>294352118.26999998</v>
      </c>
      <c r="G63" s="450">
        <v>3730826429.1300001</v>
      </c>
      <c r="H63" s="545">
        <v>3679400000</v>
      </c>
      <c r="I63" s="163"/>
      <c r="O63" s="213"/>
      <c r="P63" s="213"/>
    </row>
    <row r="64" spans="1:16" ht="10.5" x14ac:dyDescent="0.2">
      <c r="A64" s="31" t="s">
        <v>185</v>
      </c>
      <c r="B64" s="542">
        <v>157946061.63999999</v>
      </c>
      <c r="C64" s="452">
        <v>164468808.94999999</v>
      </c>
      <c r="D64" s="452">
        <v>165483795.09999999</v>
      </c>
      <c r="E64" s="452">
        <v>160848038.90000001</v>
      </c>
      <c r="F64" s="452">
        <v>162234780.44999999</v>
      </c>
      <c r="G64" s="452">
        <v>2040250536.5700002</v>
      </c>
      <c r="H64" s="544">
        <v>1981032100</v>
      </c>
      <c r="O64" s="212"/>
      <c r="P64" s="213"/>
    </row>
    <row r="65" spans="1:16" ht="10.5" x14ac:dyDescent="0.2">
      <c r="A65" s="31" t="s">
        <v>366</v>
      </c>
      <c r="B65" s="542">
        <v>25579114.379999999</v>
      </c>
      <c r="C65" s="452">
        <v>54529832.380000003</v>
      </c>
      <c r="D65" s="452">
        <v>41146004.380000003</v>
      </c>
      <c r="E65" s="452">
        <v>21177747.449999999</v>
      </c>
      <c r="F65" s="452">
        <v>24721524.100000001</v>
      </c>
      <c r="G65" s="452">
        <v>350699792.28000003</v>
      </c>
      <c r="H65" s="544">
        <v>361921900</v>
      </c>
      <c r="O65" s="212"/>
      <c r="P65" s="213"/>
    </row>
    <row r="66" spans="1:16" ht="10.5" x14ac:dyDescent="0.2">
      <c r="A66" s="31" t="s">
        <v>428</v>
      </c>
      <c r="B66" s="542">
        <v>0</v>
      </c>
      <c r="C66" s="452">
        <v>303287.26</v>
      </c>
      <c r="D66" s="452">
        <v>125720.15</v>
      </c>
      <c r="E66" s="452">
        <v>0</v>
      </c>
      <c r="F66" s="452">
        <v>0</v>
      </c>
      <c r="G66" s="452">
        <v>429007.41000000003</v>
      </c>
      <c r="H66" s="544">
        <v>26829000</v>
      </c>
      <c r="O66" s="212"/>
      <c r="P66" s="213"/>
    </row>
    <row r="67" spans="1:16" ht="10.5" x14ac:dyDescent="0.2">
      <c r="A67" s="31" t="s">
        <v>223</v>
      </c>
      <c r="B67" s="542">
        <v>30967.25</v>
      </c>
      <c r="C67" s="452">
        <v>14908.63</v>
      </c>
      <c r="D67" s="452">
        <v>-32449.88</v>
      </c>
      <c r="E67" s="452">
        <v>-7556</v>
      </c>
      <c r="F67" s="452">
        <v>0</v>
      </c>
      <c r="G67" s="452">
        <v>2401179.87</v>
      </c>
      <c r="H67" s="544">
        <v>7820000</v>
      </c>
      <c r="O67" s="212"/>
      <c r="P67" s="213"/>
    </row>
    <row r="68" spans="1:16" s="73" customFormat="1" ht="10.5" x14ac:dyDescent="0.2">
      <c r="A68" s="31" t="s">
        <v>226</v>
      </c>
      <c r="B68" s="542">
        <v>108777888.66</v>
      </c>
      <c r="C68" s="452">
        <v>107055728.01000001</v>
      </c>
      <c r="D68" s="452">
        <v>111052074.93000001</v>
      </c>
      <c r="E68" s="452">
        <v>105306743.03</v>
      </c>
      <c r="F68" s="452">
        <v>107395813.72</v>
      </c>
      <c r="G68" s="452">
        <v>1337045913</v>
      </c>
      <c r="H68" s="544">
        <v>1301797000</v>
      </c>
      <c r="I68" s="225"/>
      <c r="J68" s="283"/>
      <c r="K68" s="283"/>
      <c r="L68" s="283"/>
      <c r="O68" s="213"/>
      <c r="P68" s="213"/>
    </row>
    <row r="69" spans="1:16" s="73" customFormat="1" ht="15" customHeight="1" x14ac:dyDescent="0.2">
      <c r="A69" s="29" t="s">
        <v>234</v>
      </c>
      <c r="B69" s="466">
        <v>678230693.58000016</v>
      </c>
      <c r="C69" s="466">
        <v>668511788.90999985</v>
      </c>
      <c r="D69" s="384">
        <v>681477519.47000003</v>
      </c>
      <c r="E69" s="466">
        <v>688524893.60000002</v>
      </c>
      <c r="F69" s="384">
        <v>723009563.61999989</v>
      </c>
      <c r="G69" s="384">
        <v>8315444630.4399996</v>
      </c>
      <c r="H69" s="466">
        <v>8789724900</v>
      </c>
      <c r="I69" s="163"/>
      <c r="O69" s="213"/>
      <c r="P69" s="213"/>
    </row>
    <row r="70" spans="1:16" ht="10.5" x14ac:dyDescent="0.2">
      <c r="A70" s="81" t="s">
        <v>865</v>
      </c>
      <c r="B70" s="336"/>
      <c r="C70" s="336"/>
      <c r="D70" s="336"/>
      <c r="E70" s="336"/>
      <c r="F70" s="336"/>
      <c r="G70" s="336"/>
      <c r="H70" s="337"/>
    </row>
    <row r="79" spans="1:16" s="51" customFormat="1" ht="11.25" customHeight="1" x14ac:dyDescent="0.2"/>
    <row r="80" spans="1:16" s="51" customFormat="1" ht="11.25" customHeight="1" x14ac:dyDescent="0.2"/>
    <row r="81" s="51" customFormat="1" ht="11.25" customHeight="1" x14ac:dyDescent="0.2"/>
    <row r="82" s="51" customFormat="1" ht="11.25" customHeight="1" x14ac:dyDescent="0.2"/>
    <row r="83" s="51" customFormat="1" ht="11.25" customHeight="1" x14ac:dyDescent="0.2"/>
    <row r="84" s="51" customFormat="1" ht="11.25" customHeight="1" x14ac:dyDescent="0.2"/>
    <row r="85"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82EDB5A4-4824-4632-A540-7A52C92F04C7}" showPageBreaks="1" showGridLines="0" fitToPage="1" printArea="1" topLeftCell="A44">
      <selection activeCell="B64" sqref="B64:H68"/>
      <pageMargins left="0.19685039370078741" right="0.19685039370078741" top="0.59055118110236227" bottom="0.19685039370078741" header="0" footer="0"/>
      <printOptions horizontalCentered="1"/>
      <pageSetup paperSize="9" scale="58" orientation="portrait" r:id="rId2"/>
      <headerFooter alignWithMargins="0"/>
    </customSheetView>
    <customSheetView guid="{6DBFA32C-4AA4-4E1D-9A48-697377C64CC3}" showGridLines="0" fitToPage="1">
      <selection activeCell="D57" sqref="D57"/>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25EF1E0D-169B-4051-B414-7E1196FC05E4}" showGridLines="0" fitToPage="1" topLeftCell="A41">
      <selection activeCell="F44" sqref="F44"/>
      <pageMargins left="0.19685039370078741" right="0.39370078740157483" top="0.19685039370078741" bottom="0.19685039370078741" header="0" footer="0"/>
      <printOptions horizontalCentered="1"/>
      <pageSetup paperSize="9" scale="56" orientation="portrait"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3AAF6A5F-F9AA-430B-9AD9-1261ECDF41B5}" showPageBreaks="1" showGridLines="0" fitToPage="1" printArea="1">
      <selection activeCell="B64" sqref="B64:H68"/>
      <pageMargins left="0.19685039370078741" right="0.19685039370078741" top="0.59055118110236227" bottom="0.19685039370078741" header="0" footer="0"/>
      <printOptions horizontalCentered="1"/>
      <pageSetup paperSize="9" scale="57" orientation="portrait" r:id="rId7"/>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6"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K136"/>
  <sheetViews>
    <sheetView showGridLines="0" zoomScaleNormal="100" workbookViewId="0"/>
  </sheetViews>
  <sheetFormatPr defaultColWidth="7.85546875" defaultRowHeight="11.25" customHeight="1" x14ac:dyDescent="0.2"/>
  <cols>
    <col min="1" max="1" width="71.28515625" style="187" customWidth="1"/>
    <col min="2" max="3" width="21.7109375" style="187" bestFit="1" customWidth="1"/>
    <col min="4" max="5" width="19" style="187" bestFit="1" customWidth="1"/>
    <col min="6" max="6" width="19" style="186" bestFit="1" customWidth="1"/>
    <col min="7" max="7" width="19" style="187" bestFit="1" customWidth="1"/>
    <col min="8" max="8" width="17.42578125" style="187" bestFit="1" customWidth="1"/>
    <col min="9" max="9" width="17.42578125" style="186" bestFit="1" customWidth="1"/>
    <col min="10" max="10" width="7.85546875" style="225"/>
    <col min="11" max="16384" width="7.85546875" style="187"/>
  </cols>
  <sheetData>
    <row r="1" spans="1:11" s="28" customFormat="1" ht="10.5" x14ac:dyDescent="0.2">
      <c r="A1" s="312"/>
      <c r="B1" s="312"/>
      <c r="C1" s="312"/>
      <c r="D1" s="312"/>
      <c r="E1" s="312"/>
      <c r="F1" s="312"/>
      <c r="G1" s="312"/>
      <c r="H1" s="312"/>
      <c r="I1" s="312"/>
      <c r="J1" s="120"/>
    </row>
    <row r="2" spans="1:11" s="28" customFormat="1" ht="11.25" customHeight="1" x14ac:dyDescent="0.2">
      <c r="A2" s="188"/>
      <c r="F2" s="120"/>
      <c r="I2" s="120"/>
      <c r="J2" s="120"/>
    </row>
    <row r="3" spans="1:11" s="51" customFormat="1" ht="11.25" customHeight="1" x14ac:dyDescent="0.2">
      <c r="A3" s="681" t="s">
        <v>641</v>
      </c>
      <c r="B3" s="681"/>
      <c r="C3" s="681"/>
      <c r="D3" s="681"/>
      <c r="E3" s="681"/>
      <c r="F3" s="681"/>
      <c r="G3" s="681"/>
      <c r="H3" s="681"/>
      <c r="I3" s="681"/>
      <c r="J3" s="69"/>
    </row>
    <row r="4" spans="1:11" s="51" customFormat="1" ht="11.25" customHeight="1" x14ac:dyDescent="0.2">
      <c r="A4" s="681" t="s">
        <v>105</v>
      </c>
      <c r="B4" s="681"/>
      <c r="C4" s="681"/>
      <c r="D4" s="681"/>
      <c r="E4" s="681"/>
      <c r="F4" s="681"/>
      <c r="G4" s="681"/>
      <c r="H4" s="681"/>
      <c r="I4" s="681"/>
      <c r="J4" s="69"/>
    </row>
    <row r="5" spans="1:11" s="51" customFormat="1" ht="11.25" customHeight="1" x14ac:dyDescent="0.2">
      <c r="A5" s="681" t="s">
        <v>127</v>
      </c>
      <c r="B5" s="681"/>
      <c r="C5" s="681"/>
      <c r="D5" s="681"/>
      <c r="E5" s="681"/>
      <c r="F5" s="681"/>
      <c r="G5" s="681"/>
      <c r="H5" s="681"/>
      <c r="I5" s="681"/>
      <c r="J5" s="63"/>
    </row>
    <row r="6" spans="1:11" s="51" customFormat="1" ht="11.25" customHeight="1" x14ac:dyDescent="0.2">
      <c r="A6" s="728" t="s">
        <v>748</v>
      </c>
      <c r="B6" s="728"/>
      <c r="C6" s="728"/>
      <c r="D6" s="728"/>
      <c r="E6" s="728"/>
      <c r="F6" s="728"/>
      <c r="G6" s="728"/>
      <c r="H6" s="728"/>
      <c r="I6" s="728"/>
      <c r="J6" s="63"/>
    </row>
    <row r="7" spans="1:11" s="51" customFormat="1" ht="11.25" customHeight="1" x14ac:dyDescent="0.2">
      <c r="A7" s="681" t="s">
        <v>872</v>
      </c>
      <c r="B7" s="681"/>
      <c r="C7" s="681"/>
      <c r="D7" s="681"/>
      <c r="E7" s="681"/>
      <c r="F7" s="681"/>
      <c r="G7" s="681"/>
      <c r="H7" s="681"/>
      <c r="I7" s="681"/>
      <c r="J7" s="63"/>
    </row>
    <row r="8" spans="1:11" s="28" customFormat="1" ht="11.25" customHeight="1" x14ac:dyDescent="0.2">
      <c r="F8" s="120"/>
      <c r="I8" s="120"/>
      <c r="J8" s="120"/>
    </row>
    <row r="9" spans="1:11" s="28" customFormat="1" ht="11.25" customHeight="1" x14ac:dyDescent="0.2">
      <c r="A9" s="28" t="s">
        <v>367</v>
      </c>
      <c r="F9" s="768"/>
      <c r="G9" s="768"/>
      <c r="I9" s="235">
        <v>1</v>
      </c>
      <c r="J9" s="120"/>
    </row>
    <row r="10" spans="1:11" s="73" customFormat="1" ht="15" customHeight="1" x14ac:dyDescent="0.15">
      <c r="A10" s="741" t="s">
        <v>110</v>
      </c>
      <c r="B10" s="758" t="s">
        <v>108</v>
      </c>
      <c r="C10" s="759"/>
      <c r="D10" s="758" t="s">
        <v>108</v>
      </c>
      <c r="E10" s="759"/>
      <c r="F10" s="753" t="s">
        <v>109</v>
      </c>
      <c r="G10" s="760"/>
      <c r="H10" s="760"/>
      <c r="I10" s="760"/>
      <c r="J10" s="163"/>
    </row>
    <row r="11" spans="1:11" s="73" customFormat="1" ht="15" customHeight="1" x14ac:dyDescent="0.2">
      <c r="A11" s="744"/>
      <c r="B11" s="761" t="s">
        <v>111</v>
      </c>
      <c r="C11" s="762"/>
      <c r="D11" s="764" t="s">
        <v>112</v>
      </c>
      <c r="E11" s="744"/>
      <c r="F11" s="739" t="s">
        <v>115</v>
      </c>
      <c r="G11" s="741"/>
      <c r="H11" s="739" t="s">
        <v>115</v>
      </c>
      <c r="I11" s="740"/>
      <c r="J11" s="163"/>
    </row>
    <row r="12" spans="1:11" s="73" customFormat="1" ht="15" customHeight="1" x14ac:dyDescent="0.2">
      <c r="A12" s="745"/>
      <c r="B12" s="754"/>
      <c r="C12" s="763"/>
      <c r="D12" s="765"/>
      <c r="E12" s="745"/>
      <c r="F12" s="761">
        <v>2015</v>
      </c>
      <c r="G12" s="762"/>
      <c r="H12" s="764">
        <v>2014</v>
      </c>
      <c r="I12" s="769"/>
      <c r="J12" s="163"/>
    </row>
    <row r="13" spans="1:11" ht="10.5" x14ac:dyDescent="0.2">
      <c r="A13" s="163" t="s">
        <v>282</v>
      </c>
      <c r="B13" s="679">
        <v>381570900</v>
      </c>
      <c r="C13" s="680"/>
      <c r="D13" s="679">
        <v>568846088.00000012</v>
      </c>
      <c r="E13" s="680"/>
      <c r="F13" s="679">
        <v>265427381.84</v>
      </c>
      <c r="G13" s="680"/>
      <c r="H13" s="679">
        <v>295416213.45000005</v>
      </c>
      <c r="I13" s="709"/>
      <c r="J13" s="432"/>
      <c r="K13" s="212"/>
    </row>
    <row r="14" spans="1:11" ht="10.5" x14ac:dyDescent="0.2">
      <c r="A14" s="163" t="s">
        <v>8</v>
      </c>
      <c r="B14" s="665">
        <v>381570900</v>
      </c>
      <c r="C14" s="676">
        <v>0</v>
      </c>
      <c r="D14" s="665">
        <v>568846088.00000012</v>
      </c>
      <c r="E14" s="676">
        <v>0</v>
      </c>
      <c r="F14" s="665">
        <v>265427381.84</v>
      </c>
      <c r="G14" s="676">
        <v>0</v>
      </c>
      <c r="H14" s="665">
        <v>295416213.45000005</v>
      </c>
      <c r="I14" s="666">
        <v>0</v>
      </c>
      <c r="J14" s="432"/>
      <c r="K14" s="212"/>
    </row>
    <row r="15" spans="1:11" ht="10.5" x14ac:dyDescent="0.2">
      <c r="A15" s="187" t="s">
        <v>128</v>
      </c>
      <c r="B15" s="659">
        <v>373750900</v>
      </c>
      <c r="C15" s="672">
        <v>0</v>
      </c>
      <c r="D15" s="659">
        <v>545645831.19000006</v>
      </c>
      <c r="E15" s="672">
        <v>0</v>
      </c>
      <c r="F15" s="659">
        <v>249159227.13</v>
      </c>
      <c r="G15" s="672">
        <v>0</v>
      </c>
      <c r="H15" s="659">
        <v>248764586.49000001</v>
      </c>
      <c r="I15" s="660">
        <v>0</v>
      </c>
      <c r="J15" s="432"/>
      <c r="K15" s="212"/>
    </row>
    <row r="16" spans="1:11" ht="10.5" x14ac:dyDescent="0.2">
      <c r="A16" s="187" t="s">
        <v>283</v>
      </c>
      <c r="B16" s="659">
        <v>126921900</v>
      </c>
      <c r="C16" s="672">
        <v>0</v>
      </c>
      <c r="D16" s="659">
        <v>298816831.19</v>
      </c>
      <c r="E16" s="672">
        <v>0</v>
      </c>
      <c r="F16" s="659">
        <v>214240903.78999999</v>
      </c>
      <c r="G16" s="672">
        <v>0</v>
      </c>
      <c r="H16" s="659">
        <v>207234373.91</v>
      </c>
      <c r="I16" s="660">
        <v>0</v>
      </c>
      <c r="J16" s="432"/>
      <c r="K16" s="212"/>
    </row>
    <row r="17" spans="1:11" ht="10.5" x14ac:dyDescent="0.2">
      <c r="A17" s="187" t="s">
        <v>129</v>
      </c>
      <c r="B17" s="659">
        <v>0</v>
      </c>
      <c r="C17" s="672"/>
      <c r="D17" s="659">
        <v>171894931.19</v>
      </c>
      <c r="E17" s="672"/>
      <c r="F17" s="659">
        <v>171894931.19</v>
      </c>
      <c r="G17" s="672"/>
      <c r="H17" s="659">
        <v>161122783.13</v>
      </c>
      <c r="I17" s="660"/>
      <c r="J17" s="432"/>
      <c r="K17" s="212"/>
    </row>
    <row r="18" spans="1:11" ht="10.5" x14ac:dyDescent="0.2">
      <c r="A18" s="187" t="s">
        <v>130</v>
      </c>
      <c r="B18" s="659">
        <v>86921900</v>
      </c>
      <c r="C18" s="672"/>
      <c r="D18" s="659">
        <v>86921900</v>
      </c>
      <c r="E18" s="672"/>
      <c r="F18" s="659">
        <v>35101629.439999998</v>
      </c>
      <c r="G18" s="672"/>
      <c r="H18" s="659">
        <v>37317572.200000003</v>
      </c>
      <c r="I18" s="660"/>
      <c r="J18" s="432"/>
      <c r="K18" s="212"/>
    </row>
    <row r="19" spans="1:11" ht="10.5" x14ac:dyDescent="0.2">
      <c r="A19" s="187" t="s">
        <v>131</v>
      </c>
      <c r="B19" s="659">
        <v>40000000</v>
      </c>
      <c r="C19" s="672"/>
      <c r="D19" s="659">
        <v>40000000</v>
      </c>
      <c r="E19" s="672"/>
      <c r="F19" s="659">
        <v>7244343.1600000001</v>
      </c>
      <c r="G19" s="672"/>
      <c r="H19" s="659">
        <v>8794018.5800000001</v>
      </c>
      <c r="I19" s="660"/>
      <c r="J19" s="432"/>
      <c r="K19" s="212"/>
    </row>
    <row r="20" spans="1:11" ht="10.5" x14ac:dyDescent="0.2">
      <c r="A20" s="187" t="s">
        <v>284</v>
      </c>
      <c r="B20" s="659">
        <v>246829000</v>
      </c>
      <c r="C20" s="672">
        <v>0</v>
      </c>
      <c r="D20" s="659">
        <v>246829000</v>
      </c>
      <c r="E20" s="672">
        <v>0</v>
      </c>
      <c r="F20" s="659">
        <v>34918323.339999996</v>
      </c>
      <c r="G20" s="672">
        <v>0</v>
      </c>
      <c r="H20" s="659">
        <v>41530212.579999998</v>
      </c>
      <c r="I20" s="660">
        <v>0</v>
      </c>
      <c r="J20" s="432"/>
      <c r="K20" s="212"/>
    </row>
    <row r="21" spans="1:11" ht="10.5" x14ac:dyDescent="0.2">
      <c r="A21" s="187" t="s">
        <v>132</v>
      </c>
      <c r="B21" s="659">
        <v>170000000</v>
      </c>
      <c r="C21" s="672"/>
      <c r="D21" s="659">
        <v>170000000</v>
      </c>
      <c r="E21" s="672"/>
      <c r="F21" s="659">
        <v>27870116.420000002</v>
      </c>
      <c r="G21" s="672"/>
      <c r="H21" s="659">
        <v>34183814.719999999</v>
      </c>
      <c r="I21" s="660"/>
      <c r="J21" s="432"/>
      <c r="K21" s="212"/>
    </row>
    <row r="22" spans="1:11" ht="10.5" x14ac:dyDescent="0.2">
      <c r="A22" s="187" t="s">
        <v>133</v>
      </c>
      <c r="B22" s="659">
        <v>50000000</v>
      </c>
      <c r="C22" s="672"/>
      <c r="D22" s="659">
        <v>50000000</v>
      </c>
      <c r="E22" s="672"/>
      <c r="F22" s="659">
        <v>6619199.5099999998</v>
      </c>
      <c r="G22" s="672"/>
      <c r="H22" s="659">
        <v>7018467.9500000002</v>
      </c>
      <c r="I22" s="660"/>
      <c r="J22" s="432"/>
      <c r="K22" s="212"/>
    </row>
    <row r="23" spans="1:11" ht="10.5" x14ac:dyDescent="0.2">
      <c r="A23" s="187" t="s">
        <v>749</v>
      </c>
      <c r="B23" s="659">
        <v>26829000</v>
      </c>
      <c r="C23" s="672"/>
      <c r="D23" s="659">
        <v>26829000</v>
      </c>
      <c r="E23" s="672"/>
      <c r="F23" s="659">
        <v>429007.41</v>
      </c>
      <c r="G23" s="672"/>
      <c r="H23" s="659">
        <v>327929.90999999997</v>
      </c>
      <c r="I23" s="660"/>
      <c r="J23" s="432"/>
      <c r="K23" s="212"/>
    </row>
    <row r="24" spans="1:11" ht="10.5" x14ac:dyDescent="0.2">
      <c r="A24" s="187" t="s">
        <v>155</v>
      </c>
      <c r="B24" s="659">
        <v>0</v>
      </c>
      <c r="C24" s="672"/>
      <c r="D24" s="659">
        <v>1896779.28</v>
      </c>
      <c r="E24" s="672"/>
      <c r="F24" s="659">
        <v>1896779.28</v>
      </c>
      <c r="G24" s="672"/>
      <c r="H24" s="659">
        <v>664083.56000000006</v>
      </c>
      <c r="I24" s="660"/>
      <c r="J24" s="432"/>
      <c r="K24" s="212"/>
    </row>
    <row r="25" spans="1:11" ht="10.5" x14ac:dyDescent="0.2">
      <c r="A25" s="187" t="s">
        <v>312</v>
      </c>
      <c r="B25" s="659">
        <v>0</v>
      </c>
      <c r="C25" s="672">
        <v>0</v>
      </c>
      <c r="D25" s="659">
        <v>9289688.0700000003</v>
      </c>
      <c r="E25" s="672">
        <v>0</v>
      </c>
      <c r="F25" s="659">
        <v>9289688.0700000003</v>
      </c>
      <c r="G25" s="672">
        <v>0</v>
      </c>
      <c r="H25" s="659">
        <v>87589.96</v>
      </c>
      <c r="I25" s="660">
        <v>0</v>
      </c>
      <c r="J25" s="432"/>
      <c r="K25" s="212"/>
    </row>
    <row r="26" spans="1:11" ht="10.5" x14ac:dyDescent="0.2">
      <c r="A26" s="187" t="s">
        <v>16</v>
      </c>
      <c r="B26" s="659">
        <v>0</v>
      </c>
      <c r="C26" s="672"/>
      <c r="D26" s="659">
        <v>9877.4699999999993</v>
      </c>
      <c r="E26" s="672"/>
      <c r="F26" s="659">
        <v>9877.4699999999993</v>
      </c>
      <c r="G26" s="672"/>
      <c r="H26" s="659">
        <v>7045</v>
      </c>
      <c r="I26" s="660"/>
      <c r="J26" s="432"/>
      <c r="K26" s="212"/>
    </row>
    <row r="27" spans="1:11" ht="10.5" x14ac:dyDescent="0.2">
      <c r="A27" s="187" t="s">
        <v>17</v>
      </c>
      <c r="B27" s="659">
        <v>0</v>
      </c>
      <c r="C27" s="672"/>
      <c r="D27" s="659">
        <v>9279810.5999999996</v>
      </c>
      <c r="E27" s="672"/>
      <c r="F27" s="659">
        <v>9279810.5999999996</v>
      </c>
      <c r="G27" s="672"/>
      <c r="H27" s="659">
        <v>80544.960000000006</v>
      </c>
      <c r="I27" s="660"/>
      <c r="J27" s="432"/>
      <c r="K27" s="212"/>
    </row>
    <row r="28" spans="1:11" ht="10.5" x14ac:dyDescent="0.2">
      <c r="A28" s="187" t="s">
        <v>19</v>
      </c>
      <c r="B28" s="659">
        <v>0</v>
      </c>
      <c r="C28" s="672"/>
      <c r="D28" s="659">
        <v>0</v>
      </c>
      <c r="E28" s="672"/>
      <c r="F28" s="665">
        <v>0</v>
      </c>
      <c r="G28" s="676"/>
      <c r="H28" s="659">
        <v>0</v>
      </c>
      <c r="I28" s="660"/>
      <c r="J28" s="432"/>
      <c r="K28" s="212"/>
    </row>
    <row r="29" spans="1:11" ht="10.5" x14ac:dyDescent="0.2">
      <c r="A29" s="187" t="s">
        <v>227</v>
      </c>
      <c r="B29" s="659">
        <v>0</v>
      </c>
      <c r="C29" s="672"/>
      <c r="D29" s="659">
        <v>0</v>
      </c>
      <c r="E29" s="672"/>
      <c r="F29" s="665">
        <v>0</v>
      </c>
      <c r="G29" s="676"/>
      <c r="H29" s="659">
        <v>0</v>
      </c>
      <c r="I29" s="660"/>
      <c r="J29" s="432"/>
      <c r="K29" s="212"/>
    </row>
    <row r="30" spans="1:11" ht="10.5" x14ac:dyDescent="0.2">
      <c r="A30" s="61" t="s">
        <v>285</v>
      </c>
      <c r="B30" s="659">
        <v>7820000</v>
      </c>
      <c r="C30" s="672">
        <v>0</v>
      </c>
      <c r="D30" s="659">
        <v>12013789.460000001</v>
      </c>
      <c r="E30" s="672">
        <v>0</v>
      </c>
      <c r="F30" s="659">
        <v>5081687.3600000003</v>
      </c>
      <c r="G30" s="672">
        <v>0</v>
      </c>
      <c r="H30" s="659">
        <v>45899953.440000005</v>
      </c>
      <c r="I30" s="660">
        <v>0</v>
      </c>
      <c r="J30" s="432"/>
      <c r="K30" s="212"/>
    </row>
    <row r="31" spans="1:11" ht="10.5" x14ac:dyDescent="0.2">
      <c r="A31" s="130" t="s">
        <v>546</v>
      </c>
      <c r="B31" s="659">
        <v>7820000</v>
      </c>
      <c r="C31" s="672"/>
      <c r="D31" s="659">
        <v>7820000</v>
      </c>
      <c r="E31" s="672"/>
      <c r="F31" s="659">
        <v>887897.9</v>
      </c>
      <c r="G31" s="672"/>
      <c r="H31" s="659">
        <v>4778418.7</v>
      </c>
      <c r="I31" s="660"/>
      <c r="J31" s="432"/>
      <c r="K31" s="212"/>
    </row>
    <row r="32" spans="1:11" ht="10.5" x14ac:dyDescent="0.2">
      <c r="A32" s="130" t="s">
        <v>547</v>
      </c>
      <c r="B32" s="659">
        <v>0</v>
      </c>
      <c r="C32" s="672"/>
      <c r="D32" s="659">
        <v>4193789.46</v>
      </c>
      <c r="E32" s="672"/>
      <c r="F32" s="659">
        <v>4193789.46</v>
      </c>
      <c r="G32" s="672"/>
      <c r="H32" s="659">
        <v>41121534.740000002</v>
      </c>
      <c r="I32" s="660"/>
      <c r="J32" s="432"/>
      <c r="K32" s="212"/>
    </row>
    <row r="33" spans="1:11" ht="10.5" x14ac:dyDescent="0.2">
      <c r="A33" s="164" t="s">
        <v>40</v>
      </c>
      <c r="B33" s="659">
        <v>0</v>
      </c>
      <c r="C33" s="672">
        <v>0</v>
      </c>
      <c r="D33" s="659">
        <v>0</v>
      </c>
      <c r="E33" s="672"/>
      <c r="F33" s="665">
        <v>0</v>
      </c>
      <c r="G33" s="676">
        <v>0</v>
      </c>
      <c r="H33" s="659">
        <v>0</v>
      </c>
      <c r="I33" s="660">
        <v>0</v>
      </c>
      <c r="J33" s="432"/>
      <c r="K33" s="212"/>
    </row>
    <row r="34" spans="1:11" ht="10.5" x14ac:dyDescent="0.2">
      <c r="A34" s="130" t="s">
        <v>120</v>
      </c>
      <c r="B34" s="659">
        <v>0</v>
      </c>
      <c r="C34" s="672"/>
      <c r="D34" s="659">
        <v>0</v>
      </c>
      <c r="E34" s="672"/>
      <c r="F34" s="665">
        <v>0</v>
      </c>
      <c r="G34" s="676"/>
      <c r="H34" s="659">
        <v>0</v>
      </c>
      <c r="I34" s="660"/>
      <c r="J34" s="432"/>
      <c r="K34" s="212"/>
    </row>
    <row r="35" spans="1:11" ht="10.5" x14ac:dyDescent="0.2">
      <c r="A35" s="187" t="s">
        <v>228</v>
      </c>
      <c r="B35" s="659">
        <v>0</v>
      </c>
      <c r="C35" s="672"/>
      <c r="D35" s="659">
        <v>0</v>
      </c>
      <c r="E35" s="672"/>
      <c r="F35" s="665">
        <v>0</v>
      </c>
      <c r="G35" s="676"/>
      <c r="H35" s="659">
        <v>0</v>
      </c>
      <c r="I35" s="660"/>
      <c r="J35" s="432"/>
      <c r="K35" s="212"/>
    </row>
    <row r="36" spans="1:11" ht="10.5" x14ac:dyDescent="0.2">
      <c r="A36" s="130" t="s">
        <v>286</v>
      </c>
      <c r="B36" s="659">
        <v>0</v>
      </c>
      <c r="C36" s="672"/>
      <c r="D36" s="659">
        <v>0</v>
      </c>
      <c r="E36" s="672"/>
      <c r="F36" s="665">
        <v>0</v>
      </c>
      <c r="G36" s="676"/>
      <c r="H36" s="659">
        <v>0</v>
      </c>
      <c r="I36" s="660"/>
      <c r="J36" s="432"/>
      <c r="K36" s="212"/>
    </row>
    <row r="37" spans="1:11" s="73" customFormat="1" ht="10.5" x14ac:dyDescent="0.2">
      <c r="B37" s="659"/>
      <c r="C37" s="672"/>
      <c r="D37" s="659"/>
      <c r="E37" s="672"/>
      <c r="F37" s="665"/>
      <c r="G37" s="676"/>
      <c r="H37" s="659"/>
      <c r="I37" s="660"/>
      <c r="J37" s="211"/>
      <c r="K37" s="372"/>
    </row>
    <row r="38" spans="1:11" ht="15" customHeight="1" x14ac:dyDescent="0.2">
      <c r="A38" s="165" t="s">
        <v>548</v>
      </c>
      <c r="B38" s="661">
        <v>914247000</v>
      </c>
      <c r="C38" s="675"/>
      <c r="D38" s="661">
        <v>979418459.03999996</v>
      </c>
      <c r="E38" s="675"/>
      <c r="F38" s="661">
        <v>371425498.02000004</v>
      </c>
      <c r="G38" s="675"/>
      <c r="H38" s="661">
        <v>398631574.29999995</v>
      </c>
      <c r="I38" s="662"/>
      <c r="J38" s="432"/>
      <c r="K38" s="212"/>
    </row>
    <row r="39" spans="1:11" ht="15" customHeight="1" x14ac:dyDescent="0.2">
      <c r="A39" s="131" t="s">
        <v>768</v>
      </c>
      <c r="B39" s="669">
        <v>1295817900</v>
      </c>
      <c r="C39" s="670">
        <v>0</v>
      </c>
      <c r="D39" s="669">
        <v>1548264547.04</v>
      </c>
      <c r="E39" s="670">
        <v>0</v>
      </c>
      <c r="F39" s="790">
        <v>636852879.86000001</v>
      </c>
      <c r="G39" s="791">
        <v>0</v>
      </c>
      <c r="H39" s="669">
        <v>694047787.75</v>
      </c>
      <c r="I39" s="708">
        <v>0</v>
      </c>
      <c r="J39" s="432"/>
      <c r="K39" s="212"/>
    </row>
    <row r="40" spans="1:11" ht="5.0999999999999996" customHeight="1" x14ac:dyDescent="0.2">
      <c r="A40" s="132"/>
      <c r="B40" s="129"/>
      <c r="C40" s="129"/>
      <c r="D40" s="17"/>
      <c r="E40" s="129"/>
      <c r="F40" s="81"/>
      <c r="G40" s="81"/>
      <c r="H40" s="27"/>
      <c r="I40" s="27"/>
    </row>
    <row r="41" spans="1:11" s="73" customFormat="1" ht="25.5" customHeight="1" x14ac:dyDescent="0.15">
      <c r="A41" s="741" t="s">
        <v>160</v>
      </c>
      <c r="B41" s="208" t="s">
        <v>157</v>
      </c>
      <c r="C41" s="208" t="s">
        <v>157</v>
      </c>
      <c r="D41" s="690" t="s">
        <v>158</v>
      </c>
      <c r="E41" s="692"/>
      <c r="F41" s="755" t="s">
        <v>159</v>
      </c>
      <c r="G41" s="756"/>
      <c r="H41" s="755" t="s">
        <v>348</v>
      </c>
      <c r="I41" s="757"/>
      <c r="J41" s="163"/>
    </row>
    <row r="42" spans="1:11" s="73" customFormat="1" ht="15" customHeight="1" x14ac:dyDescent="0.2">
      <c r="A42" s="744"/>
      <c r="B42" s="767" t="s">
        <v>111</v>
      </c>
      <c r="C42" s="767" t="s">
        <v>112</v>
      </c>
      <c r="D42" s="180" t="s">
        <v>115</v>
      </c>
      <c r="E42" s="180" t="s">
        <v>115</v>
      </c>
      <c r="F42" s="180" t="s">
        <v>115</v>
      </c>
      <c r="G42" s="180" t="s">
        <v>115</v>
      </c>
      <c r="H42" s="751" t="s">
        <v>746</v>
      </c>
      <c r="I42" s="753" t="s">
        <v>747</v>
      </c>
      <c r="J42" s="163"/>
    </row>
    <row r="43" spans="1:11" s="73" customFormat="1" ht="15" customHeight="1" x14ac:dyDescent="0.2">
      <c r="A43" s="745"/>
      <c r="B43" s="743"/>
      <c r="C43" s="743"/>
      <c r="D43" s="181">
        <v>2015</v>
      </c>
      <c r="E43" s="182">
        <v>2014</v>
      </c>
      <c r="F43" s="181">
        <v>2015</v>
      </c>
      <c r="G43" s="182">
        <v>2014</v>
      </c>
      <c r="H43" s="752"/>
      <c r="I43" s="754"/>
      <c r="J43" s="163"/>
    </row>
    <row r="44" spans="1:11" ht="10.5" x14ac:dyDescent="0.2">
      <c r="A44" s="166" t="s">
        <v>134</v>
      </c>
      <c r="B44" s="456">
        <v>1545787900</v>
      </c>
      <c r="C44" s="546">
        <v>2009207727.76</v>
      </c>
      <c r="D44" s="546">
        <v>1580109212.5300002</v>
      </c>
      <c r="E44" s="546">
        <v>1317785458.3199999</v>
      </c>
      <c r="F44" s="546">
        <v>1526389084.6900003</v>
      </c>
      <c r="G44" s="546">
        <v>1301032147.4900002</v>
      </c>
      <c r="H44" s="546">
        <v>0</v>
      </c>
      <c r="I44" s="546">
        <v>0</v>
      </c>
    </row>
    <row r="45" spans="1:11" ht="10.5" x14ac:dyDescent="0.2">
      <c r="A45" s="73" t="s">
        <v>281</v>
      </c>
      <c r="B45" s="449">
        <v>3171000</v>
      </c>
      <c r="C45" s="547">
        <v>4233443.76</v>
      </c>
      <c r="D45" s="547">
        <v>1220214.6800000002</v>
      </c>
      <c r="E45" s="547">
        <v>1827816.3199999998</v>
      </c>
      <c r="F45" s="547">
        <v>1177704.9300000004</v>
      </c>
      <c r="G45" s="547">
        <v>1180569.56</v>
      </c>
      <c r="H45" s="547">
        <v>0</v>
      </c>
      <c r="I45" s="546">
        <v>0</v>
      </c>
    </row>
    <row r="46" spans="1:11" ht="10.5" x14ac:dyDescent="0.2">
      <c r="A46" s="28" t="s">
        <v>287</v>
      </c>
      <c r="B46" s="451">
        <v>2727700</v>
      </c>
      <c r="C46" s="548">
        <v>3790143.76</v>
      </c>
      <c r="D46" s="548">
        <v>1220214.6800000002</v>
      </c>
      <c r="E46" s="548">
        <v>1790105.3199999998</v>
      </c>
      <c r="F46" s="548">
        <v>1177704.9300000004</v>
      </c>
      <c r="G46" s="548">
        <v>1142858.56</v>
      </c>
      <c r="H46" s="548">
        <v>0</v>
      </c>
      <c r="I46" s="549">
        <v>0</v>
      </c>
    </row>
    <row r="47" spans="1:11" ht="10.5" x14ac:dyDescent="0.2">
      <c r="A47" s="28" t="s">
        <v>288</v>
      </c>
      <c r="B47" s="451">
        <v>443300</v>
      </c>
      <c r="C47" s="548">
        <v>443300</v>
      </c>
      <c r="D47" s="548">
        <v>0</v>
      </c>
      <c r="E47" s="548">
        <v>37711</v>
      </c>
      <c r="F47" s="548">
        <v>0</v>
      </c>
      <c r="G47" s="548">
        <v>37711</v>
      </c>
      <c r="H47" s="548">
        <v>0</v>
      </c>
      <c r="I47" s="549">
        <v>0</v>
      </c>
    </row>
    <row r="48" spans="1:11" ht="10.5" x14ac:dyDescent="0.2">
      <c r="A48" s="312" t="s">
        <v>135</v>
      </c>
      <c r="B48" s="449">
        <v>1542616900</v>
      </c>
      <c r="C48" s="547">
        <v>2004974284</v>
      </c>
      <c r="D48" s="547">
        <v>1578888997.8500001</v>
      </c>
      <c r="E48" s="547">
        <v>1315957642</v>
      </c>
      <c r="F48" s="547">
        <v>1525211379.7600002</v>
      </c>
      <c r="G48" s="547">
        <v>1299851577.9300003</v>
      </c>
      <c r="H48" s="547">
        <v>0</v>
      </c>
      <c r="I48" s="549">
        <v>0</v>
      </c>
    </row>
    <row r="49" spans="1:10" ht="10.5" x14ac:dyDescent="0.2">
      <c r="A49" s="28" t="s">
        <v>201</v>
      </c>
      <c r="B49" s="451">
        <v>1497784900</v>
      </c>
      <c r="C49" s="548">
        <v>1767497384.5799999</v>
      </c>
      <c r="D49" s="548">
        <v>1346683809.1400001</v>
      </c>
      <c r="E49" s="548">
        <v>1126069473</v>
      </c>
      <c r="F49" s="548">
        <v>1303034879.1100001</v>
      </c>
      <c r="G49" s="548">
        <v>1110064057.3600001</v>
      </c>
      <c r="H49" s="548">
        <v>0</v>
      </c>
      <c r="I49" s="549">
        <v>0</v>
      </c>
    </row>
    <row r="50" spans="1:10" ht="10.5" x14ac:dyDescent="0.2">
      <c r="A50" s="28" t="s">
        <v>289</v>
      </c>
      <c r="B50" s="451">
        <v>1251676900</v>
      </c>
      <c r="C50" s="548">
        <v>1579478476.7699997</v>
      </c>
      <c r="D50" s="548">
        <v>1158664901.3299999</v>
      </c>
      <c r="E50" s="548">
        <v>925418400</v>
      </c>
      <c r="F50" s="548">
        <v>1130404647.52</v>
      </c>
      <c r="G50" s="548">
        <v>918323706.21000004</v>
      </c>
      <c r="H50" s="548">
        <v>0</v>
      </c>
      <c r="I50" s="549">
        <v>0</v>
      </c>
    </row>
    <row r="51" spans="1:10" ht="10.5" x14ac:dyDescent="0.2">
      <c r="A51" s="28" t="s">
        <v>290</v>
      </c>
      <c r="B51" s="451">
        <v>240216000</v>
      </c>
      <c r="C51" s="548">
        <v>175569450.15000001</v>
      </c>
      <c r="D51" s="548">
        <v>175569450.15000001</v>
      </c>
      <c r="E51" s="548">
        <v>188111442</v>
      </c>
      <c r="F51" s="548">
        <v>163526450.71000001</v>
      </c>
      <c r="G51" s="548">
        <v>179820456.15000001</v>
      </c>
      <c r="H51" s="548">
        <v>0</v>
      </c>
      <c r="I51" s="549">
        <v>0</v>
      </c>
    </row>
    <row r="52" spans="1:10" s="203" customFormat="1" ht="10.5" x14ac:dyDescent="0.15">
      <c r="A52" s="28" t="s">
        <v>291</v>
      </c>
      <c r="B52" s="550">
        <v>5892000</v>
      </c>
      <c r="C52" s="548">
        <v>12449457.659999998</v>
      </c>
      <c r="D52" s="548">
        <v>12449457.659999998</v>
      </c>
      <c r="E52" s="548">
        <v>12539631</v>
      </c>
      <c r="F52" s="548">
        <v>9103780.8800000008</v>
      </c>
      <c r="G52" s="548">
        <v>11919895</v>
      </c>
      <c r="H52" s="548">
        <v>0</v>
      </c>
      <c r="I52" s="549">
        <v>0</v>
      </c>
      <c r="J52" s="379"/>
    </row>
    <row r="53" spans="1:10" s="203" customFormat="1" ht="10.5" x14ac:dyDescent="0.15">
      <c r="A53" s="28" t="s">
        <v>202</v>
      </c>
      <c r="B53" s="537">
        <v>44580000</v>
      </c>
      <c r="C53" s="548">
        <v>224411899.42000002</v>
      </c>
      <c r="D53" s="548">
        <v>224411899.42000002</v>
      </c>
      <c r="E53" s="548">
        <v>189888169</v>
      </c>
      <c r="F53" s="548">
        <v>214384997.38</v>
      </c>
      <c r="G53" s="548">
        <v>189621432.14999998</v>
      </c>
      <c r="H53" s="548">
        <v>0</v>
      </c>
      <c r="I53" s="549">
        <v>0</v>
      </c>
      <c r="J53" s="379"/>
    </row>
    <row r="54" spans="1:10" s="203" customFormat="1" ht="10.5" x14ac:dyDescent="0.15">
      <c r="A54" s="28" t="s">
        <v>292</v>
      </c>
      <c r="B54" s="550">
        <v>780000</v>
      </c>
      <c r="C54" s="548">
        <v>197483253.99000001</v>
      </c>
      <c r="D54" s="548">
        <v>197483253.99000001</v>
      </c>
      <c r="E54" s="548">
        <v>171803129</v>
      </c>
      <c r="F54" s="548">
        <v>187621307.64999998</v>
      </c>
      <c r="G54" s="548">
        <v>171544045.81999999</v>
      </c>
      <c r="H54" s="548">
        <v>0</v>
      </c>
      <c r="I54" s="549">
        <v>0</v>
      </c>
      <c r="J54" s="379"/>
    </row>
    <row r="55" spans="1:10" s="203" customFormat="1" ht="10.5" x14ac:dyDescent="0.15">
      <c r="A55" s="28" t="s">
        <v>290</v>
      </c>
      <c r="B55" s="550">
        <v>33600000</v>
      </c>
      <c r="C55" s="548">
        <v>26189830.43</v>
      </c>
      <c r="D55" s="548">
        <v>26189830.43</v>
      </c>
      <c r="E55" s="548">
        <v>18085040</v>
      </c>
      <c r="F55" s="548">
        <v>26069436.420000002</v>
      </c>
      <c r="G55" s="548">
        <v>18077386.329999998</v>
      </c>
      <c r="H55" s="548">
        <v>0</v>
      </c>
      <c r="I55" s="549">
        <v>0</v>
      </c>
      <c r="J55" s="379"/>
    </row>
    <row r="56" spans="1:10" s="203" customFormat="1" ht="10.5" x14ac:dyDescent="0.15">
      <c r="A56" s="28" t="s">
        <v>291</v>
      </c>
      <c r="B56" s="550">
        <v>10200000</v>
      </c>
      <c r="C56" s="548">
        <v>738815</v>
      </c>
      <c r="D56" s="548">
        <v>738815</v>
      </c>
      <c r="E56" s="548">
        <v>0</v>
      </c>
      <c r="F56" s="548">
        <v>694253.30999999994</v>
      </c>
      <c r="G56" s="548">
        <v>0</v>
      </c>
      <c r="H56" s="548">
        <v>0</v>
      </c>
      <c r="I56" s="549">
        <v>0</v>
      </c>
      <c r="J56" s="379"/>
    </row>
    <row r="57" spans="1:10" s="203" customFormat="1" ht="10.5" x14ac:dyDescent="0.15">
      <c r="A57" s="28" t="s">
        <v>293</v>
      </c>
      <c r="B57" s="537">
        <v>252000</v>
      </c>
      <c r="C57" s="548">
        <v>13065000</v>
      </c>
      <c r="D57" s="548">
        <v>7793289.29</v>
      </c>
      <c r="E57" s="548">
        <v>0</v>
      </c>
      <c r="F57" s="548">
        <v>7791503.2699999996</v>
      </c>
      <c r="G57" s="548">
        <v>166088.42000000001</v>
      </c>
      <c r="H57" s="548">
        <v>0</v>
      </c>
      <c r="I57" s="549">
        <v>0</v>
      </c>
      <c r="J57" s="379"/>
    </row>
    <row r="58" spans="1:10" s="203" customFormat="1" ht="10.5" x14ac:dyDescent="0.15">
      <c r="A58" s="28" t="s">
        <v>229</v>
      </c>
      <c r="B58" s="550">
        <v>0</v>
      </c>
      <c r="C58" s="548">
        <v>13065000</v>
      </c>
      <c r="D58" s="548">
        <v>7793289.29</v>
      </c>
      <c r="E58" s="548">
        <v>0</v>
      </c>
      <c r="F58" s="548">
        <v>7791503.2699999996</v>
      </c>
      <c r="G58" s="548">
        <v>166088.42000000001</v>
      </c>
      <c r="H58" s="548">
        <v>0</v>
      </c>
      <c r="I58" s="549">
        <v>0</v>
      </c>
      <c r="J58" s="379"/>
    </row>
    <row r="59" spans="1:10" s="203" customFormat="1" ht="10.5" x14ac:dyDescent="0.15">
      <c r="A59" s="28" t="s">
        <v>60</v>
      </c>
      <c r="B59" s="550">
        <v>252000</v>
      </c>
      <c r="C59" s="548">
        <v>0</v>
      </c>
      <c r="D59" s="548"/>
      <c r="E59" s="548">
        <v>0</v>
      </c>
      <c r="F59" s="548"/>
      <c r="G59" s="548">
        <v>0</v>
      </c>
      <c r="H59" s="548">
        <v>0</v>
      </c>
      <c r="I59" s="549">
        <v>0</v>
      </c>
      <c r="J59" s="379"/>
    </row>
    <row r="60" spans="1:10" ht="15" customHeight="1" x14ac:dyDescent="0.2">
      <c r="A60" s="338" t="s">
        <v>549</v>
      </c>
      <c r="B60" s="551">
        <v>30000</v>
      </c>
      <c r="C60" s="547">
        <v>30000</v>
      </c>
      <c r="D60" s="548">
        <v>0</v>
      </c>
      <c r="E60" s="548">
        <v>0</v>
      </c>
      <c r="F60" s="548">
        <v>0</v>
      </c>
      <c r="G60" s="548">
        <v>0</v>
      </c>
      <c r="H60" s="548">
        <v>0</v>
      </c>
      <c r="I60" s="549">
        <v>0</v>
      </c>
    </row>
    <row r="61" spans="1:10" ht="15" customHeight="1" x14ac:dyDescent="0.15">
      <c r="A61" s="29" t="s">
        <v>750</v>
      </c>
      <c r="B61" s="384">
        <v>1545817900</v>
      </c>
      <c r="C61" s="384">
        <v>2009237727.76</v>
      </c>
      <c r="D61" s="384">
        <v>1580109212.5300002</v>
      </c>
      <c r="E61" s="552">
        <v>1317785458.3199999</v>
      </c>
      <c r="F61" s="384">
        <v>1526389084.6900003</v>
      </c>
      <c r="G61" s="384">
        <v>1301032147.4900002</v>
      </c>
      <c r="H61" s="553">
        <v>0</v>
      </c>
      <c r="I61" s="554">
        <v>0</v>
      </c>
    </row>
    <row r="62" spans="1:10" ht="5.0999999999999996" customHeight="1" x14ac:dyDescent="0.2">
      <c r="A62" s="134"/>
      <c r="B62" s="555"/>
      <c r="C62" s="555"/>
      <c r="D62" s="555"/>
      <c r="E62" s="555"/>
      <c r="F62" s="556"/>
      <c r="G62" s="556"/>
      <c r="H62" s="556"/>
      <c r="I62" s="556"/>
    </row>
    <row r="63" spans="1:10" ht="15" customHeight="1" x14ac:dyDescent="0.2">
      <c r="A63" s="29" t="s">
        <v>550</v>
      </c>
      <c r="B63" s="384">
        <v>-250000000</v>
      </c>
      <c r="C63" s="384">
        <v>-460973180.72000003</v>
      </c>
      <c r="D63" s="384"/>
      <c r="E63" s="384"/>
      <c r="F63" s="384">
        <v>-889536204.83000028</v>
      </c>
      <c r="G63" s="384">
        <v>-606984359.74000025</v>
      </c>
      <c r="H63" s="384"/>
      <c r="I63" s="385"/>
    </row>
    <row r="64" spans="1:10" ht="5.0999999999999996" customHeight="1" x14ac:dyDescent="0.2">
      <c r="A64" s="33"/>
      <c r="B64" s="30"/>
      <c r="C64" s="30"/>
      <c r="D64" s="30"/>
      <c r="E64" s="30"/>
      <c r="G64" s="186"/>
      <c r="H64" s="186"/>
    </row>
    <row r="65" spans="1:11" s="73" customFormat="1" ht="15" customHeight="1" x14ac:dyDescent="0.15">
      <c r="A65" s="770" t="s">
        <v>551</v>
      </c>
      <c r="B65" s="758" t="s">
        <v>108</v>
      </c>
      <c r="C65" s="759"/>
      <c r="D65" s="758" t="s">
        <v>108</v>
      </c>
      <c r="E65" s="759"/>
      <c r="F65" s="753" t="s">
        <v>109</v>
      </c>
      <c r="G65" s="760"/>
      <c r="H65" s="760"/>
      <c r="I65" s="760"/>
      <c r="J65" s="163"/>
    </row>
    <row r="66" spans="1:11" s="73" customFormat="1" ht="10.5" x14ac:dyDescent="0.2">
      <c r="A66" s="762"/>
      <c r="B66" s="761" t="s">
        <v>111</v>
      </c>
      <c r="C66" s="762"/>
      <c r="D66" s="764" t="s">
        <v>112</v>
      </c>
      <c r="E66" s="744"/>
      <c r="F66" s="739" t="s">
        <v>115</v>
      </c>
      <c r="G66" s="741"/>
      <c r="H66" s="739" t="s">
        <v>115</v>
      </c>
      <c r="I66" s="740"/>
      <c r="J66" s="163"/>
    </row>
    <row r="67" spans="1:11" s="73" customFormat="1" ht="10.5" x14ac:dyDescent="0.2">
      <c r="A67" s="763"/>
      <c r="B67" s="754"/>
      <c r="C67" s="763"/>
      <c r="D67" s="765"/>
      <c r="E67" s="745"/>
      <c r="F67" s="761">
        <v>2015</v>
      </c>
      <c r="G67" s="762"/>
      <c r="H67" s="764">
        <v>2014</v>
      </c>
      <c r="I67" s="769"/>
      <c r="J67" s="163"/>
    </row>
    <row r="68" spans="1:11" ht="10.5" x14ac:dyDescent="0.2">
      <c r="A68" s="167" t="s">
        <v>136</v>
      </c>
      <c r="B68" s="792">
        <v>250000000</v>
      </c>
      <c r="C68" s="793">
        <v>0</v>
      </c>
      <c r="D68" s="659">
        <v>526048726.45000005</v>
      </c>
      <c r="E68" s="672">
        <v>0</v>
      </c>
      <c r="F68" s="792">
        <v>526048726.45000005</v>
      </c>
      <c r="G68" s="793">
        <v>0</v>
      </c>
      <c r="H68" s="792">
        <v>574717354.22000003</v>
      </c>
      <c r="I68" s="794"/>
      <c r="J68" s="432"/>
      <c r="K68" s="212"/>
    </row>
    <row r="69" spans="1:11" ht="10.5" x14ac:dyDescent="0.2">
      <c r="A69" s="167" t="s">
        <v>137</v>
      </c>
      <c r="B69" s="784">
        <v>250000000</v>
      </c>
      <c r="C69" s="786"/>
      <c r="D69" s="659">
        <v>526048726.45000005</v>
      </c>
      <c r="E69" s="672"/>
      <c r="F69" s="784">
        <v>526048726.45000005</v>
      </c>
      <c r="G69" s="786"/>
      <c r="H69" s="784">
        <v>574717354.22000003</v>
      </c>
      <c r="I69" s="785"/>
      <c r="J69" s="432"/>
      <c r="K69" s="212"/>
    </row>
    <row r="70" spans="1:11" ht="10.5" x14ac:dyDescent="0.2">
      <c r="A70" s="126" t="s">
        <v>138</v>
      </c>
      <c r="B70" s="784">
        <v>250000000</v>
      </c>
      <c r="C70" s="786"/>
      <c r="D70" s="659">
        <v>267703149.12</v>
      </c>
      <c r="E70" s="672"/>
      <c r="F70" s="784">
        <v>267703149.12</v>
      </c>
      <c r="G70" s="786"/>
      <c r="H70" s="784">
        <v>320119249.38</v>
      </c>
      <c r="I70" s="785"/>
      <c r="J70" s="432"/>
      <c r="K70" s="212"/>
    </row>
    <row r="71" spans="1:11" ht="10.5" x14ac:dyDescent="0.2">
      <c r="A71" s="126" t="s">
        <v>139</v>
      </c>
      <c r="B71" s="784">
        <v>0</v>
      </c>
      <c r="C71" s="786"/>
      <c r="D71" s="659">
        <v>0</v>
      </c>
      <c r="E71" s="672"/>
      <c r="F71" s="784">
        <v>0</v>
      </c>
      <c r="G71" s="786"/>
      <c r="H71" s="784">
        <v>0</v>
      </c>
      <c r="I71" s="785"/>
      <c r="J71" s="432"/>
      <c r="K71" s="212"/>
    </row>
    <row r="72" spans="1:11" ht="10.5" x14ac:dyDescent="0.2">
      <c r="A72" s="126" t="s">
        <v>140</v>
      </c>
      <c r="B72" s="784">
        <v>0</v>
      </c>
      <c r="C72" s="786"/>
      <c r="D72" s="659">
        <v>258345577.33000001</v>
      </c>
      <c r="E72" s="672"/>
      <c r="F72" s="784">
        <v>258345577.33000001</v>
      </c>
      <c r="G72" s="786"/>
      <c r="H72" s="784">
        <v>254598104.84</v>
      </c>
      <c r="I72" s="785"/>
      <c r="J72" s="432"/>
      <c r="K72" s="212"/>
    </row>
    <row r="73" spans="1:11" ht="10.5" x14ac:dyDescent="0.2">
      <c r="A73" s="167" t="s">
        <v>141</v>
      </c>
      <c r="B73" s="784">
        <v>0</v>
      </c>
      <c r="C73" s="786"/>
      <c r="D73" s="659">
        <v>0</v>
      </c>
      <c r="E73" s="672"/>
      <c r="F73" s="784">
        <v>0</v>
      </c>
      <c r="G73" s="786"/>
      <c r="H73" s="784">
        <v>0</v>
      </c>
      <c r="I73" s="785"/>
      <c r="J73" s="432"/>
      <c r="K73" s="212"/>
    </row>
    <row r="74" spans="1:11" ht="10.5" x14ac:dyDescent="0.2">
      <c r="A74" s="126" t="s">
        <v>142</v>
      </c>
      <c r="B74" s="784">
        <v>0</v>
      </c>
      <c r="C74" s="786"/>
      <c r="D74" s="659">
        <v>0</v>
      </c>
      <c r="E74" s="672"/>
      <c r="F74" s="784">
        <v>0</v>
      </c>
      <c r="G74" s="786"/>
      <c r="H74" s="784">
        <v>0</v>
      </c>
      <c r="I74" s="785"/>
      <c r="J74" s="432"/>
      <c r="K74" s="212"/>
    </row>
    <row r="75" spans="1:11" ht="10.5" x14ac:dyDescent="0.2">
      <c r="A75" s="126" t="s">
        <v>143</v>
      </c>
      <c r="B75" s="784">
        <v>0</v>
      </c>
      <c r="C75" s="786"/>
      <c r="D75" s="659">
        <v>0</v>
      </c>
      <c r="E75" s="672"/>
      <c r="F75" s="784">
        <v>0</v>
      </c>
      <c r="G75" s="786"/>
      <c r="H75" s="784">
        <v>0</v>
      </c>
      <c r="I75" s="785"/>
      <c r="J75" s="432"/>
      <c r="K75" s="212"/>
    </row>
    <row r="76" spans="1:11" ht="10.5" x14ac:dyDescent="0.2">
      <c r="A76" s="128" t="s">
        <v>140</v>
      </c>
      <c r="B76" s="787">
        <v>0</v>
      </c>
      <c r="C76" s="789"/>
      <c r="D76" s="710">
        <v>0</v>
      </c>
      <c r="E76" s="723"/>
      <c r="F76" s="787">
        <v>0</v>
      </c>
      <c r="G76" s="789"/>
      <c r="H76" s="787">
        <v>0</v>
      </c>
      <c r="I76" s="788"/>
      <c r="J76" s="432"/>
      <c r="K76" s="212"/>
    </row>
    <row r="77" spans="1:11" ht="5.0999999999999996" customHeight="1" x14ac:dyDescent="0.2">
      <c r="A77" s="185"/>
      <c r="B77" s="185"/>
      <c r="C77" s="185"/>
      <c r="D77" s="199"/>
      <c r="E77" s="199"/>
      <c r="F77" s="199"/>
      <c r="G77" s="75"/>
      <c r="H77" s="75"/>
      <c r="I77" s="75"/>
    </row>
    <row r="78" spans="1:11" s="73" customFormat="1" ht="15" customHeight="1" x14ac:dyDescent="0.2">
      <c r="A78" s="757" t="s">
        <v>144</v>
      </c>
      <c r="B78" s="757"/>
      <c r="C78" s="756"/>
      <c r="D78" s="755" t="s">
        <v>122</v>
      </c>
      <c r="E78" s="757"/>
      <c r="F78" s="757"/>
      <c r="G78" s="757"/>
      <c r="H78" s="757"/>
      <c r="I78" s="757"/>
      <c r="J78" s="163"/>
    </row>
    <row r="79" spans="1:11" ht="15" customHeight="1" x14ac:dyDescent="0.2">
      <c r="A79" s="798" t="s">
        <v>209</v>
      </c>
      <c r="B79" s="798"/>
      <c r="C79" s="799"/>
      <c r="D79" s="777"/>
      <c r="E79" s="778"/>
      <c r="F79" s="778"/>
      <c r="G79" s="778"/>
      <c r="H79" s="778"/>
      <c r="I79" s="778"/>
    </row>
    <row r="80" spans="1:11" ht="5.0999999999999996" customHeight="1" x14ac:dyDescent="0.2">
      <c r="A80" s="184"/>
      <c r="B80" s="184"/>
      <c r="C80" s="184"/>
      <c r="D80" s="183"/>
      <c r="E80" s="183"/>
      <c r="F80" s="183"/>
      <c r="G80" s="81"/>
      <c r="H80" s="81"/>
      <c r="I80" s="81"/>
    </row>
    <row r="81" spans="1:10" s="73" customFormat="1" ht="15" customHeight="1" x14ac:dyDescent="0.2">
      <c r="A81" s="760" t="s">
        <v>552</v>
      </c>
      <c r="B81" s="760"/>
      <c r="C81" s="770"/>
      <c r="D81" s="753" t="s">
        <v>208</v>
      </c>
      <c r="E81" s="760"/>
      <c r="F81" s="760"/>
      <c r="G81" s="760"/>
      <c r="H81" s="760"/>
      <c r="I81" s="760"/>
      <c r="J81" s="163"/>
    </row>
    <row r="82" spans="1:10" s="73" customFormat="1" ht="15" customHeight="1" x14ac:dyDescent="0.2">
      <c r="A82" s="776"/>
      <c r="B82" s="776"/>
      <c r="C82" s="763"/>
      <c r="D82" s="755">
        <v>2015</v>
      </c>
      <c r="E82" s="757"/>
      <c r="F82" s="756"/>
      <c r="G82" s="757">
        <v>2014</v>
      </c>
      <c r="H82" s="757"/>
      <c r="I82" s="757"/>
      <c r="J82" s="163"/>
    </row>
    <row r="83" spans="1:10" ht="10.5" x14ac:dyDescent="0.2">
      <c r="A83" s="779" t="s">
        <v>123</v>
      </c>
      <c r="B83" s="779"/>
      <c r="C83" s="780"/>
      <c r="D83" s="781">
        <v>0</v>
      </c>
      <c r="E83" s="782"/>
      <c r="F83" s="783"/>
      <c r="G83" s="781">
        <v>0</v>
      </c>
      <c r="H83" s="782"/>
      <c r="I83" s="782"/>
    </row>
    <row r="84" spans="1:10" ht="10.5" x14ac:dyDescent="0.2">
      <c r="A84" s="772" t="s">
        <v>124</v>
      </c>
      <c r="B84" s="772"/>
      <c r="C84" s="773"/>
      <c r="D84" s="784">
        <v>71868971.969999999</v>
      </c>
      <c r="E84" s="785"/>
      <c r="F84" s="786"/>
      <c r="G84" s="784">
        <v>237745.62</v>
      </c>
      <c r="H84" s="785"/>
      <c r="I84" s="785"/>
    </row>
    <row r="85" spans="1:10" ht="10.5" x14ac:dyDescent="0.2">
      <c r="A85" s="772" t="s">
        <v>125</v>
      </c>
      <c r="B85" s="772"/>
      <c r="C85" s="773"/>
      <c r="D85" s="784">
        <v>506259344.43000001</v>
      </c>
      <c r="E85" s="785"/>
      <c r="F85" s="786"/>
      <c r="G85" s="784">
        <v>55645.67</v>
      </c>
      <c r="H85" s="785"/>
      <c r="I85" s="785"/>
    </row>
    <row r="86" spans="1:10" ht="10.5" x14ac:dyDescent="0.2">
      <c r="A86" s="774" t="s">
        <v>126</v>
      </c>
      <c r="B86" s="774"/>
      <c r="C86" s="775"/>
      <c r="D86" s="787">
        <v>0</v>
      </c>
      <c r="E86" s="788"/>
      <c r="F86" s="789"/>
      <c r="G86" s="787">
        <v>0</v>
      </c>
      <c r="H86" s="788"/>
      <c r="I86" s="788"/>
    </row>
    <row r="87" spans="1:10" ht="5.0999999999999996" customHeight="1" x14ac:dyDescent="0.2">
      <c r="A87" s="190"/>
      <c r="B87" s="190"/>
      <c r="C87" s="127"/>
      <c r="D87" s="771"/>
      <c r="E87" s="771"/>
      <c r="F87" s="185"/>
      <c r="G87" s="127"/>
      <c r="H87" s="81"/>
      <c r="I87" s="81"/>
    </row>
    <row r="88" spans="1:10" ht="15" customHeight="1" x14ac:dyDescent="0.15">
      <c r="A88" s="741" t="s">
        <v>145</v>
      </c>
      <c r="B88" s="758" t="s">
        <v>108</v>
      </c>
      <c r="C88" s="759"/>
      <c r="D88" s="758" t="s">
        <v>108</v>
      </c>
      <c r="E88" s="759"/>
      <c r="F88" s="753" t="s">
        <v>109</v>
      </c>
      <c r="G88" s="760"/>
      <c r="H88" s="760"/>
      <c r="I88" s="760"/>
    </row>
    <row r="89" spans="1:10" ht="15" customHeight="1" x14ac:dyDescent="0.2">
      <c r="A89" s="744"/>
      <c r="B89" s="761" t="s">
        <v>111</v>
      </c>
      <c r="C89" s="762"/>
      <c r="D89" s="764" t="s">
        <v>112</v>
      </c>
      <c r="E89" s="744"/>
      <c r="F89" s="739" t="s">
        <v>115</v>
      </c>
      <c r="G89" s="741"/>
      <c r="H89" s="739" t="s">
        <v>115</v>
      </c>
      <c r="I89" s="740"/>
    </row>
    <row r="90" spans="1:10" ht="15" customHeight="1" x14ac:dyDescent="0.2">
      <c r="A90" s="745"/>
      <c r="B90" s="754"/>
      <c r="C90" s="763"/>
      <c r="D90" s="765"/>
      <c r="E90" s="745"/>
      <c r="F90" s="754">
        <v>2015</v>
      </c>
      <c r="G90" s="763"/>
      <c r="H90" s="765">
        <v>2014</v>
      </c>
      <c r="I90" s="766"/>
    </row>
    <row r="91" spans="1:10" ht="11.25" customHeight="1" x14ac:dyDescent="0.2">
      <c r="A91" s="163" t="s">
        <v>147</v>
      </c>
      <c r="B91" s="679">
        <v>914247000</v>
      </c>
      <c r="C91" s="680">
        <v>0</v>
      </c>
      <c r="D91" s="679">
        <v>979418459.03999996</v>
      </c>
      <c r="E91" s="680">
        <v>0</v>
      </c>
      <c r="F91" s="665">
        <v>371425498.02000004</v>
      </c>
      <c r="G91" s="676">
        <v>0</v>
      </c>
      <c r="H91" s="665">
        <v>398631574.29999995</v>
      </c>
      <c r="I91" s="666">
        <v>0</v>
      </c>
    </row>
    <row r="92" spans="1:10" ht="11.25" customHeight="1" x14ac:dyDescent="0.2">
      <c r="A92" s="187" t="s">
        <v>178</v>
      </c>
      <c r="B92" s="659">
        <v>914247000</v>
      </c>
      <c r="C92" s="672"/>
      <c r="D92" s="659">
        <v>979418459.03999996</v>
      </c>
      <c r="E92" s="672"/>
      <c r="F92" s="659">
        <v>371425498.02000004</v>
      </c>
      <c r="G92" s="672"/>
      <c r="H92" s="659">
        <v>398631574.29999995</v>
      </c>
      <c r="I92" s="660"/>
    </row>
    <row r="93" spans="1:10" ht="11.25" customHeight="1" x14ac:dyDescent="0.2">
      <c r="A93" s="187" t="s">
        <v>146</v>
      </c>
      <c r="B93" s="659">
        <v>914247000</v>
      </c>
      <c r="C93" s="672"/>
      <c r="D93" s="659">
        <v>979418459.03999996</v>
      </c>
      <c r="E93" s="672"/>
      <c r="F93" s="659">
        <v>371425498.02000004</v>
      </c>
      <c r="G93" s="672"/>
      <c r="H93" s="659">
        <v>398631574.29999995</v>
      </c>
      <c r="I93" s="660"/>
    </row>
    <row r="94" spans="1:10" ht="11.25" customHeight="1" x14ac:dyDescent="0.2">
      <c r="A94" s="187" t="s">
        <v>283</v>
      </c>
      <c r="B94" s="659">
        <v>264247000</v>
      </c>
      <c r="C94" s="672"/>
      <c r="D94" s="659">
        <v>329418459.04000002</v>
      </c>
      <c r="E94" s="672"/>
      <c r="F94" s="659">
        <v>329418459.04000002</v>
      </c>
      <c r="G94" s="672"/>
      <c r="H94" s="659">
        <v>325533352.77999997</v>
      </c>
      <c r="I94" s="660"/>
    </row>
    <row r="95" spans="1:10" ht="11.25" customHeight="1" x14ac:dyDescent="0.2">
      <c r="A95" s="187" t="s">
        <v>129</v>
      </c>
      <c r="B95" s="659">
        <v>264247000</v>
      </c>
      <c r="C95" s="672"/>
      <c r="D95" s="659">
        <v>329418459.04000002</v>
      </c>
      <c r="E95" s="672"/>
      <c r="F95" s="659">
        <v>329418459.04000002</v>
      </c>
      <c r="G95" s="672"/>
      <c r="H95" s="659">
        <v>325533352.77999997</v>
      </c>
      <c r="I95" s="660"/>
    </row>
    <row r="96" spans="1:10" ht="11.25" customHeight="1" x14ac:dyDescent="0.2">
      <c r="A96" s="187" t="s">
        <v>130</v>
      </c>
      <c r="B96" s="659">
        <v>0</v>
      </c>
      <c r="C96" s="672"/>
      <c r="D96" s="659">
        <v>0</v>
      </c>
      <c r="E96" s="672"/>
      <c r="F96" s="659">
        <v>0</v>
      </c>
      <c r="G96" s="672"/>
      <c r="H96" s="659">
        <v>0</v>
      </c>
      <c r="I96" s="660"/>
    </row>
    <row r="97" spans="1:9" ht="11.25" customHeight="1" x14ac:dyDescent="0.2">
      <c r="A97" s="187" t="s">
        <v>131</v>
      </c>
      <c r="B97" s="659">
        <v>0</v>
      </c>
      <c r="C97" s="672"/>
      <c r="D97" s="659">
        <v>0</v>
      </c>
      <c r="E97" s="672"/>
      <c r="F97" s="659">
        <v>0</v>
      </c>
      <c r="G97" s="672"/>
      <c r="H97" s="659">
        <v>0</v>
      </c>
      <c r="I97" s="660"/>
    </row>
    <row r="98" spans="1:9" ht="11.25" customHeight="1" x14ac:dyDescent="0.2">
      <c r="A98" s="187" t="s">
        <v>284</v>
      </c>
      <c r="B98" s="659">
        <v>650000000</v>
      </c>
      <c r="C98" s="672"/>
      <c r="D98" s="659">
        <v>650000000</v>
      </c>
      <c r="E98" s="672"/>
      <c r="F98" s="659">
        <v>42007038.979999997</v>
      </c>
      <c r="G98" s="672"/>
      <c r="H98" s="659">
        <v>73098221.519999996</v>
      </c>
      <c r="I98" s="660"/>
    </row>
    <row r="99" spans="1:9" ht="11.25" customHeight="1" x14ac:dyDescent="0.2">
      <c r="A99" s="187" t="s">
        <v>132</v>
      </c>
      <c r="B99" s="659">
        <v>650000000</v>
      </c>
      <c r="C99" s="672"/>
      <c r="D99" s="659">
        <v>650000000</v>
      </c>
      <c r="E99" s="672"/>
      <c r="F99" s="659">
        <v>42007038.979999997</v>
      </c>
      <c r="G99" s="672"/>
      <c r="H99" s="659">
        <v>73098221.519999996</v>
      </c>
      <c r="I99" s="660"/>
    </row>
    <row r="100" spans="1:9" ht="11.25" customHeight="1" x14ac:dyDescent="0.2">
      <c r="A100" s="187" t="s">
        <v>133</v>
      </c>
      <c r="B100" s="659">
        <v>0</v>
      </c>
      <c r="C100" s="672"/>
      <c r="D100" s="659">
        <v>0</v>
      </c>
      <c r="E100" s="672"/>
      <c r="F100" s="659">
        <v>0</v>
      </c>
      <c r="G100" s="672"/>
      <c r="H100" s="659">
        <v>0</v>
      </c>
      <c r="I100" s="660"/>
    </row>
    <row r="101" spans="1:9" ht="11.25" customHeight="1" x14ac:dyDescent="0.2">
      <c r="A101" s="187" t="s">
        <v>749</v>
      </c>
      <c r="B101" s="659">
        <v>0</v>
      </c>
      <c r="C101" s="672"/>
      <c r="D101" s="659">
        <v>0</v>
      </c>
      <c r="E101" s="672"/>
      <c r="F101" s="659">
        <v>0</v>
      </c>
      <c r="G101" s="672"/>
      <c r="H101" s="659">
        <v>0</v>
      </c>
      <c r="I101" s="660"/>
    </row>
    <row r="102" spans="1:9" ht="11.25" customHeight="1" x14ac:dyDescent="0.2">
      <c r="A102" s="187" t="s">
        <v>770</v>
      </c>
      <c r="B102" s="659">
        <v>0</v>
      </c>
      <c r="C102" s="672"/>
      <c r="D102" s="659">
        <v>0</v>
      </c>
      <c r="E102" s="672"/>
      <c r="F102" s="659">
        <v>0</v>
      </c>
      <c r="G102" s="672"/>
      <c r="H102" s="659">
        <v>0</v>
      </c>
      <c r="I102" s="660"/>
    </row>
    <row r="103" spans="1:9" ht="11.25" customHeight="1" x14ac:dyDescent="0.2">
      <c r="A103" s="187" t="s">
        <v>771</v>
      </c>
      <c r="B103" s="659">
        <v>0</v>
      </c>
      <c r="C103" s="672"/>
      <c r="D103" s="659">
        <v>0</v>
      </c>
      <c r="E103" s="672"/>
      <c r="F103" s="659">
        <v>0</v>
      </c>
      <c r="G103" s="672"/>
      <c r="H103" s="659">
        <v>0</v>
      </c>
      <c r="I103" s="660"/>
    </row>
    <row r="104" spans="1:9" ht="11.25" customHeight="1" x14ac:dyDescent="0.2">
      <c r="A104" s="187" t="s">
        <v>179</v>
      </c>
      <c r="B104" s="659">
        <v>0</v>
      </c>
      <c r="C104" s="672"/>
      <c r="D104" s="659">
        <v>0</v>
      </c>
      <c r="E104" s="672"/>
      <c r="F104" s="659">
        <v>0</v>
      </c>
      <c r="G104" s="672"/>
      <c r="H104" s="659">
        <v>0</v>
      </c>
      <c r="I104" s="660"/>
    </row>
    <row r="105" spans="1:9" ht="11.25" customHeight="1" x14ac:dyDescent="0.2">
      <c r="A105" s="187" t="s">
        <v>186</v>
      </c>
      <c r="B105" s="659">
        <v>0</v>
      </c>
      <c r="C105" s="672"/>
      <c r="D105" s="659">
        <v>0</v>
      </c>
      <c r="E105" s="672"/>
      <c r="F105" s="659">
        <v>0</v>
      </c>
      <c r="G105" s="672"/>
      <c r="H105" s="659">
        <v>0</v>
      </c>
      <c r="I105" s="660"/>
    </row>
    <row r="106" spans="1:9" ht="11.25" customHeight="1" x14ac:dyDescent="0.2">
      <c r="A106" s="187" t="s">
        <v>183</v>
      </c>
      <c r="B106" s="659">
        <v>0</v>
      </c>
      <c r="C106" s="672"/>
      <c r="D106" s="659">
        <v>0</v>
      </c>
      <c r="E106" s="672"/>
      <c r="F106" s="659">
        <v>0</v>
      </c>
      <c r="G106" s="672"/>
      <c r="H106" s="659">
        <v>0</v>
      </c>
      <c r="I106" s="660"/>
    </row>
    <row r="107" spans="1:9" ht="11.25" customHeight="1" x14ac:dyDescent="0.2">
      <c r="A107" s="73" t="s">
        <v>148</v>
      </c>
      <c r="B107" s="659">
        <v>0</v>
      </c>
      <c r="C107" s="672">
        <v>0</v>
      </c>
      <c r="D107" s="659">
        <v>0</v>
      </c>
      <c r="E107" s="672">
        <v>0</v>
      </c>
      <c r="F107" s="659">
        <v>0</v>
      </c>
      <c r="G107" s="672">
        <v>0</v>
      </c>
      <c r="H107" s="659">
        <v>0</v>
      </c>
      <c r="I107" s="660">
        <v>0</v>
      </c>
    </row>
    <row r="108" spans="1:9" ht="11.25" customHeight="1" x14ac:dyDescent="0.2">
      <c r="A108" s="130" t="s">
        <v>814</v>
      </c>
      <c r="B108" s="659">
        <v>0</v>
      </c>
      <c r="C108" s="672"/>
      <c r="D108" s="659">
        <v>0</v>
      </c>
      <c r="E108" s="672"/>
      <c r="F108" s="659">
        <v>0</v>
      </c>
      <c r="G108" s="672"/>
      <c r="H108" s="659">
        <v>0</v>
      </c>
      <c r="I108" s="660"/>
    </row>
    <row r="109" spans="1:9" ht="11.25" customHeight="1" x14ac:dyDescent="0.2">
      <c r="A109" s="187" t="s">
        <v>816</v>
      </c>
      <c r="B109" s="659">
        <v>0</v>
      </c>
      <c r="C109" s="672"/>
      <c r="D109" s="659">
        <v>0</v>
      </c>
      <c r="E109" s="672"/>
      <c r="F109" s="659">
        <v>0</v>
      </c>
      <c r="G109" s="672"/>
      <c r="H109" s="659">
        <v>0</v>
      </c>
      <c r="I109" s="660"/>
    </row>
    <row r="110" spans="1:9" ht="11.25" customHeight="1" x14ac:dyDescent="0.2">
      <c r="A110" s="130" t="s">
        <v>815</v>
      </c>
      <c r="B110" s="659">
        <v>0</v>
      </c>
      <c r="C110" s="672"/>
      <c r="D110" s="659">
        <v>0</v>
      </c>
      <c r="E110" s="672"/>
      <c r="F110" s="659">
        <v>0</v>
      </c>
      <c r="G110" s="672"/>
      <c r="H110" s="659">
        <v>0</v>
      </c>
      <c r="I110" s="660"/>
    </row>
    <row r="111" spans="1:9" ht="11.25" customHeight="1" x14ac:dyDescent="0.2">
      <c r="A111" s="73"/>
      <c r="B111" s="659">
        <v>0</v>
      </c>
      <c r="C111" s="672"/>
      <c r="D111" s="659">
        <v>0</v>
      </c>
      <c r="E111" s="672"/>
      <c r="F111" s="659">
        <v>0</v>
      </c>
      <c r="G111" s="672"/>
      <c r="H111" s="659">
        <v>0</v>
      </c>
      <c r="I111" s="660"/>
    </row>
    <row r="112" spans="1:9" ht="26.25" customHeight="1" x14ac:dyDescent="0.2">
      <c r="A112" s="170" t="s">
        <v>769</v>
      </c>
      <c r="B112" s="669">
        <v>914247000</v>
      </c>
      <c r="C112" s="670"/>
      <c r="D112" s="669">
        <v>979418459.03999996</v>
      </c>
      <c r="E112" s="670"/>
      <c r="F112" s="669">
        <v>371425498.02000004</v>
      </c>
      <c r="G112" s="708"/>
      <c r="H112" s="669">
        <v>398631574.29999995</v>
      </c>
      <c r="I112" s="708"/>
    </row>
    <row r="113" spans="1:10" ht="5.0999999999999996" customHeight="1" x14ac:dyDescent="0.15">
      <c r="A113" s="204"/>
      <c r="B113" s="205"/>
      <c r="C113" s="205"/>
      <c r="D113" s="206"/>
      <c r="E113" s="206"/>
      <c r="F113" s="206"/>
      <c r="G113" s="207"/>
      <c r="H113" s="207"/>
      <c r="I113" s="207"/>
    </row>
    <row r="114" spans="1:10" ht="30" customHeight="1" x14ac:dyDescent="0.15">
      <c r="A114" s="795" t="s">
        <v>149</v>
      </c>
      <c r="B114" s="208" t="s">
        <v>157</v>
      </c>
      <c r="C114" s="208" t="s">
        <v>157</v>
      </c>
      <c r="D114" s="690" t="s">
        <v>158</v>
      </c>
      <c r="E114" s="692"/>
      <c r="F114" s="755" t="s">
        <v>159</v>
      </c>
      <c r="G114" s="756"/>
      <c r="H114" s="755" t="s">
        <v>348</v>
      </c>
      <c r="I114" s="757"/>
    </row>
    <row r="115" spans="1:10" ht="15" customHeight="1" x14ac:dyDescent="0.2">
      <c r="A115" s="796"/>
      <c r="B115" s="767" t="s">
        <v>111</v>
      </c>
      <c r="C115" s="767" t="s">
        <v>112</v>
      </c>
      <c r="D115" s="180" t="s">
        <v>115</v>
      </c>
      <c r="E115" s="180" t="s">
        <v>115</v>
      </c>
      <c r="F115" s="180" t="s">
        <v>115</v>
      </c>
      <c r="G115" s="180" t="s">
        <v>115</v>
      </c>
      <c r="H115" s="751" t="s">
        <v>746</v>
      </c>
      <c r="I115" s="753" t="s">
        <v>747</v>
      </c>
    </row>
    <row r="116" spans="1:10" ht="15" customHeight="1" x14ac:dyDescent="0.2">
      <c r="A116" s="797"/>
      <c r="B116" s="743"/>
      <c r="C116" s="743"/>
      <c r="D116" s="181">
        <v>2015</v>
      </c>
      <c r="E116" s="182">
        <v>2014</v>
      </c>
      <c r="F116" s="181">
        <v>2015</v>
      </c>
      <c r="G116" s="182">
        <v>2014</v>
      </c>
      <c r="H116" s="752"/>
      <c r="I116" s="754"/>
    </row>
    <row r="117" spans="1:10" ht="11.25" customHeight="1" x14ac:dyDescent="0.2">
      <c r="A117" s="168" t="s">
        <v>150</v>
      </c>
      <c r="B117" s="557">
        <v>30000</v>
      </c>
      <c r="C117" s="557">
        <v>30000</v>
      </c>
      <c r="D117" s="557">
        <v>0</v>
      </c>
      <c r="E117" s="557">
        <v>0</v>
      </c>
      <c r="F117" s="557">
        <v>0</v>
      </c>
      <c r="G117" s="557">
        <v>0</v>
      </c>
      <c r="H117" s="557">
        <v>0</v>
      </c>
      <c r="I117" s="558">
        <v>0</v>
      </c>
    </row>
    <row r="118" spans="1:10" ht="11.25" customHeight="1" x14ac:dyDescent="0.2">
      <c r="A118" s="31" t="s">
        <v>204</v>
      </c>
      <c r="B118" s="451">
        <v>30000</v>
      </c>
      <c r="C118" s="451">
        <v>30000</v>
      </c>
      <c r="D118" s="451"/>
      <c r="E118" s="451"/>
      <c r="F118" s="451"/>
      <c r="G118" s="451">
        <v>0</v>
      </c>
      <c r="H118" s="451"/>
      <c r="I118" s="555"/>
    </row>
    <row r="119" spans="1:10" ht="11.25" customHeight="1" x14ac:dyDescent="0.2">
      <c r="A119" s="32" t="s">
        <v>205</v>
      </c>
      <c r="B119" s="451"/>
      <c r="C119" s="451"/>
      <c r="D119" s="451"/>
      <c r="E119" s="451"/>
      <c r="F119" s="451"/>
      <c r="G119" s="451">
        <v>0</v>
      </c>
      <c r="H119" s="451"/>
      <c r="I119" s="555"/>
    </row>
    <row r="120" spans="1:10" ht="24.95" customHeight="1" x14ac:dyDescent="0.2">
      <c r="A120" s="424" t="s">
        <v>151</v>
      </c>
      <c r="B120" s="384">
        <v>30000</v>
      </c>
      <c r="C120" s="384">
        <v>30000</v>
      </c>
      <c r="D120" s="384">
        <v>0</v>
      </c>
      <c r="E120" s="384">
        <v>0</v>
      </c>
      <c r="F120" s="384">
        <v>0</v>
      </c>
      <c r="G120" s="384">
        <v>0</v>
      </c>
      <c r="H120" s="384">
        <v>0</v>
      </c>
      <c r="I120" s="385">
        <v>0</v>
      </c>
    </row>
    <row r="121" spans="1:10" ht="11.25" customHeight="1" x14ac:dyDescent="0.2">
      <c r="A121" s="283" t="s">
        <v>865</v>
      </c>
      <c r="I121" s="318"/>
    </row>
    <row r="122" spans="1:10" ht="11.25" customHeight="1" x14ac:dyDescent="0.2">
      <c r="A122" s="283"/>
    </row>
    <row r="126" spans="1:10" s="283" customFormat="1" ht="11.25" customHeight="1" x14ac:dyDescent="0.2">
      <c r="F126" s="225"/>
      <c r="I126" s="225"/>
      <c r="J126" s="225"/>
    </row>
    <row r="127" spans="1:10" s="283" customFormat="1" ht="11.25" customHeight="1" x14ac:dyDescent="0.2">
      <c r="F127" s="225"/>
      <c r="I127" s="225"/>
      <c r="J127" s="225"/>
    </row>
    <row r="129" spans="1:9" ht="11.25" customHeight="1" x14ac:dyDescent="0.2">
      <c r="A129" s="283"/>
      <c r="B129" s="283"/>
      <c r="C129" s="283"/>
      <c r="D129" s="283"/>
      <c r="E129" s="283"/>
      <c r="F129" s="225"/>
      <c r="G129" s="283"/>
      <c r="H129" s="283"/>
      <c r="I129" s="225"/>
    </row>
    <row r="130" spans="1:9" s="51" customFormat="1" ht="11.25" customHeight="1" x14ac:dyDescent="0.2"/>
    <row r="131" spans="1:9" s="51" customFormat="1" ht="11.25" customHeight="1" x14ac:dyDescent="0.2"/>
    <row r="132" spans="1:9" s="51" customFormat="1" ht="11.25" customHeight="1" x14ac:dyDescent="0.2"/>
    <row r="133" spans="1:9" s="51" customFormat="1" ht="11.25" customHeight="1" x14ac:dyDescent="0.2"/>
    <row r="134" spans="1:9" s="51" customFormat="1" ht="11.25" customHeight="1" x14ac:dyDescent="0.2"/>
    <row r="135" spans="1:9" s="51" customFormat="1" ht="11.25" customHeight="1" x14ac:dyDescent="0.2"/>
    <row r="136" spans="1:9"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44" orientation="portrait" r:id="rId1"/>
      <headerFooter alignWithMargins="0"/>
    </customSheetView>
    <customSheetView guid="{82EDB5A4-4824-4632-A540-7A52C92F04C7}" scale="85" showPageBreaks="1" showGridLines="0" fitToPage="1" topLeftCell="B1">
      <selection activeCell="H18" sqref="H18:I18"/>
      <pageMargins left="0.19685039370078741" right="0.19685039370078741" top="0.59055118110236227" bottom="0.19685039370078741" header="0" footer="0"/>
      <printOptions horizontalCentered="1"/>
      <pageSetup paperSize="9" scale="45" orientation="portrait" r:id="rId2"/>
      <headerFooter alignWithMargins="0"/>
    </customSheetView>
    <customSheetView guid="{6DBFA32C-4AA4-4E1D-9A48-697377C64CC3}" showGridLines="0" fitToPage="1">
      <selection activeCell="D85" sqref="D85:F85"/>
      <pageMargins left="0.19685039370078741" right="0.19685039370078741" top="0.59055118110236227" bottom="0.19685039370078741" header="0" footer="0"/>
      <printOptions horizontalCentered="1"/>
      <pageSetup paperSize="9" scale="45" orientation="portrait" r:id="rId3"/>
      <headerFooter alignWithMargins="0"/>
    </customSheetView>
    <customSheetView guid="{25EF1E0D-169B-4051-B414-7E1196FC05E4}" showGridLines="0" fitToPage="1" topLeftCell="B64">
      <selection activeCell="D86" sqref="D86:F86"/>
      <pageMargins left="0.19685039370078741" right="0.19685039370078741" top="0.19685039370078741" bottom="0.19685039370078741" header="0" footer="0"/>
      <printOptions horizontalCentered="1"/>
      <pageSetup paperSize="9" scale="44"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3AAF6A5F-F9AA-430B-9AD9-1261ECDF41B5}" showGridLines="0" fitToPage="1">
      <selection activeCell="H18" sqref="H18:I18"/>
      <pageMargins left="0.19685039370078741" right="0.19685039370078741" top="0.59055118110236227" bottom="0.19685039370078741" header="0" footer="0"/>
      <printOptions horizontalCentered="1"/>
      <pageSetup paperSize="9" scale="44" orientation="portrait" r:id="rId7"/>
      <headerFooter alignWithMargins="0"/>
    </customSheetView>
  </customSheetViews>
  <mergeCells count="305">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22:C22"/>
    <mergeCell ref="D22:E22"/>
    <mergeCell ref="F22:G22"/>
    <mergeCell ref="H22:I22"/>
    <mergeCell ref="B23:C23"/>
    <mergeCell ref="D23:E23"/>
    <mergeCell ref="F23:G23"/>
    <mergeCell ref="H23:I23"/>
    <mergeCell ref="B24:C24"/>
    <mergeCell ref="D24:E24"/>
    <mergeCell ref="F24:G24"/>
    <mergeCell ref="H24:I24"/>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88:A90"/>
    <mergeCell ref="B88:C88"/>
    <mergeCell ref="D88:E88"/>
    <mergeCell ref="F88:I88"/>
    <mergeCell ref="B89:C90"/>
    <mergeCell ref="D89:E90"/>
    <mergeCell ref="F89:G89"/>
    <mergeCell ref="H89:I89"/>
    <mergeCell ref="F90:G90"/>
    <mergeCell ref="H90:I90"/>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s>
  <printOptions horizontalCentered="1"/>
  <pageMargins left="0.19685039370078741" right="0.19685039370078741" top="0.59055118110236227" bottom="0.19685039370078741" header="0" footer="0"/>
  <pageSetup paperSize="9" scale="43"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92D050"/>
    <pageSetUpPr fitToPage="1"/>
  </sheetPr>
  <dimension ref="A1:J136"/>
  <sheetViews>
    <sheetView showGridLines="0" zoomScaleNormal="100" workbookViewId="0"/>
  </sheetViews>
  <sheetFormatPr defaultColWidth="4.140625" defaultRowHeight="11.25" customHeight="1" x14ac:dyDescent="0.2"/>
  <cols>
    <col min="1" max="1" width="77.28515625" style="160" customWidth="1"/>
    <col min="2" max="3" width="20.140625" style="1" bestFit="1" customWidth="1"/>
    <col min="4" max="9" width="15.7109375" style="1" customWidth="1"/>
    <col min="10" max="10" width="4.140625" style="225"/>
    <col min="11" max="16384" width="4.140625" style="1"/>
  </cols>
  <sheetData>
    <row r="1" spans="1:10" s="28" customFormat="1" ht="11.25" customHeight="1" x14ac:dyDescent="0.2">
      <c r="A1" s="312"/>
      <c r="B1" s="312"/>
      <c r="C1" s="312"/>
      <c r="D1" s="312"/>
      <c r="E1" s="312"/>
      <c r="F1" s="312"/>
      <c r="G1" s="312"/>
      <c r="H1" s="312"/>
      <c r="I1" s="312"/>
      <c r="J1" s="120"/>
    </row>
    <row r="2" spans="1:10" s="28" customFormat="1" ht="11.25" customHeight="1" x14ac:dyDescent="0.2">
      <c r="A2" s="161"/>
      <c r="J2" s="120"/>
    </row>
    <row r="3" spans="1:10" s="51" customFormat="1" ht="10.5" x14ac:dyDescent="0.2">
      <c r="A3" s="681" t="s">
        <v>641</v>
      </c>
      <c r="B3" s="681"/>
      <c r="C3" s="681"/>
      <c r="D3" s="681"/>
      <c r="E3" s="681"/>
      <c r="F3" s="681"/>
      <c r="G3" s="681"/>
      <c r="H3" s="681"/>
      <c r="I3" s="681"/>
      <c r="J3" s="63"/>
    </row>
    <row r="4" spans="1:10" s="51" customFormat="1" ht="10.5" x14ac:dyDescent="0.2">
      <c r="A4" s="681" t="s">
        <v>105</v>
      </c>
      <c r="B4" s="681"/>
      <c r="C4" s="681"/>
      <c r="D4" s="681"/>
      <c r="E4" s="681"/>
      <c r="F4" s="681"/>
      <c r="G4" s="681"/>
      <c r="H4" s="681"/>
      <c r="I4" s="681"/>
      <c r="J4" s="63"/>
    </row>
    <row r="5" spans="1:10" s="51" customFormat="1" ht="10.5" x14ac:dyDescent="0.2">
      <c r="A5" s="681" t="s">
        <v>127</v>
      </c>
      <c r="B5" s="681"/>
      <c r="C5" s="681"/>
      <c r="D5" s="681"/>
      <c r="E5" s="681"/>
      <c r="F5" s="681"/>
      <c r="G5" s="681"/>
      <c r="H5" s="681"/>
      <c r="I5" s="681"/>
      <c r="J5" s="63"/>
    </row>
    <row r="6" spans="1:10" s="51" customFormat="1" ht="10.5" x14ac:dyDescent="0.2">
      <c r="A6" s="681" t="s">
        <v>745</v>
      </c>
      <c r="B6" s="681"/>
      <c r="C6" s="681"/>
      <c r="D6" s="681"/>
      <c r="E6" s="681"/>
      <c r="F6" s="681"/>
      <c r="G6" s="681"/>
      <c r="H6" s="681"/>
      <c r="I6" s="681"/>
      <c r="J6" s="63"/>
    </row>
    <row r="7" spans="1:10" s="51" customFormat="1" ht="10.5" x14ac:dyDescent="0.2">
      <c r="A7" s="681" t="s">
        <v>872</v>
      </c>
      <c r="B7" s="681"/>
      <c r="C7" s="681"/>
      <c r="D7" s="681"/>
      <c r="E7" s="681"/>
      <c r="F7" s="681"/>
      <c r="G7" s="681"/>
      <c r="H7" s="681"/>
      <c r="I7" s="681"/>
      <c r="J7" s="63"/>
    </row>
    <row r="8" spans="1:10" s="28" customFormat="1" ht="11.25" customHeight="1" x14ac:dyDescent="0.2">
      <c r="J8" s="120"/>
    </row>
    <row r="9" spans="1:10" s="28" customFormat="1" ht="10.5" x14ac:dyDescent="0.2">
      <c r="A9" s="28" t="s">
        <v>367</v>
      </c>
      <c r="F9" s="768"/>
      <c r="G9" s="768"/>
      <c r="I9" s="235">
        <v>1</v>
      </c>
      <c r="J9" s="120"/>
    </row>
    <row r="10" spans="1:10" ht="15" customHeight="1" x14ac:dyDescent="0.15">
      <c r="A10" s="741" t="s">
        <v>110</v>
      </c>
      <c r="B10" s="758" t="s">
        <v>108</v>
      </c>
      <c r="C10" s="759"/>
      <c r="D10" s="758" t="s">
        <v>108</v>
      </c>
      <c r="E10" s="759"/>
      <c r="F10" s="753" t="s">
        <v>109</v>
      </c>
      <c r="G10" s="760"/>
      <c r="H10" s="760"/>
      <c r="I10" s="760"/>
    </row>
    <row r="11" spans="1:10" ht="15" customHeight="1" x14ac:dyDescent="0.2">
      <c r="A11" s="744"/>
      <c r="B11" s="761" t="s">
        <v>111</v>
      </c>
      <c r="C11" s="762"/>
      <c r="D11" s="764" t="s">
        <v>112</v>
      </c>
      <c r="E11" s="744"/>
      <c r="F11" s="739" t="s">
        <v>115</v>
      </c>
      <c r="G11" s="741"/>
      <c r="H11" s="739" t="s">
        <v>115</v>
      </c>
      <c r="I11" s="740"/>
    </row>
    <row r="12" spans="1:10" ht="15" customHeight="1" x14ac:dyDescent="0.2">
      <c r="A12" s="745"/>
      <c r="B12" s="754"/>
      <c r="C12" s="763"/>
      <c r="D12" s="765"/>
      <c r="E12" s="745"/>
      <c r="F12" s="761">
        <v>2015</v>
      </c>
      <c r="G12" s="762"/>
      <c r="H12" s="764">
        <v>2014</v>
      </c>
      <c r="I12" s="769"/>
    </row>
    <row r="13" spans="1:10" s="73" customFormat="1" ht="10.5" x14ac:dyDescent="0.2">
      <c r="A13" s="163" t="s">
        <v>282</v>
      </c>
      <c r="B13" s="679">
        <v>15000000</v>
      </c>
      <c r="C13" s="680"/>
      <c r="D13" s="679">
        <v>36824201.219999999</v>
      </c>
      <c r="E13" s="680"/>
      <c r="F13" s="679">
        <v>23800742.109999999</v>
      </c>
      <c r="G13" s="680"/>
      <c r="H13" s="679">
        <v>9634517.1400000006</v>
      </c>
      <c r="I13" s="709"/>
      <c r="J13" s="163"/>
    </row>
    <row r="14" spans="1:10" s="73" customFormat="1" ht="10.5" x14ac:dyDescent="0.2">
      <c r="A14" s="163" t="s">
        <v>8</v>
      </c>
      <c r="B14" s="665">
        <v>15000000</v>
      </c>
      <c r="C14" s="676">
        <v>0</v>
      </c>
      <c r="D14" s="665">
        <v>36824201.219999999</v>
      </c>
      <c r="E14" s="676">
        <v>0</v>
      </c>
      <c r="F14" s="665">
        <v>23800742.109999999</v>
      </c>
      <c r="G14" s="676">
        <v>0</v>
      </c>
      <c r="H14" s="665">
        <v>9634517.1400000006</v>
      </c>
      <c r="I14" s="666">
        <v>0</v>
      </c>
      <c r="J14" s="163"/>
    </row>
    <row r="15" spans="1:10" ht="10.5" x14ac:dyDescent="0.2">
      <c r="A15" s="283" t="s">
        <v>128</v>
      </c>
      <c r="B15" s="659">
        <v>15000000</v>
      </c>
      <c r="C15" s="672">
        <v>0</v>
      </c>
      <c r="D15" s="659">
        <v>29595799.43</v>
      </c>
      <c r="E15" s="672">
        <v>0</v>
      </c>
      <c r="F15" s="659">
        <v>16572340.32</v>
      </c>
      <c r="G15" s="672">
        <v>0</v>
      </c>
      <c r="H15" s="659">
        <v>7931369.6200000001</v>
      </c>
      <c r="I15" s="660">
        <v>0</v>
      </c>
    </row>
    <row r="16" spans="1:10" ht="10.5" x14ac:dyDescent="0.2">
      <c r="A16" s="283" t="s">
        <v>283</v>
      </c>
      <c r="B16" s="659">
        <v>6000000</v>
      </c>
      <c r="C16" s="672">
        <v>0</v>
      </c>
      <c r="D16" s="659">
        <v>20595799.43</v>
      </c>
      <c r="E16" s="672">
        <v>0</v>
      </c>
      <c r="F16" s="659">
        <v>14595799.43</v>
      </c>
      <c r="G16" s="672">
        <v>0</v>
      </c>
      <c r="H16" s="659">
        <v>7741730.7400000002</v>
      </c>
      <c r="I16" s="660">
        <v>0</v>
      </c>
    </row>
    <row r="17" spans="1:9" ht="10.5" x14ac:dyDescent="0.2">
      <c r="A17" s="283" t="s">
        <v>129</v>
      </c>
      <c r="B17" s="659"/>
      <c r="C17" s="672"/>
      <c r="D17" s="659">
        <v>14595799.43</v>
      </c>
      <c r="E17" s="672"/>
      <c r="F17" s="659">
        <v>14595799.43</v>
      </c>
      <c r="G17" s="672"/>
      <c r="H17" s="659">
        <v>7741730.7400000002</v>
      </c>
      <c r="I17" s="660"/>
    </row>
    <row r="18" spans="1:9" ht="10.5" x14ac:dyDescent="0.2">
      <c r="A18" s="283" t="s">
        <v>130</v>
      </c>
      <c r="B18" s="659">
        <v>5000000</v>
      </c>
      <c r="C18" s="672"/>
      <c r="D18" s="659">
        <v>5000000</v>
      </c>
      <c r="E18" s="672"/>
      <c r="F18" s="659">
        <v>0</v>
      </c>
      <c r="G18" s="672"/>
      <c r="H18" s="659"/>
      <c r="I18" s="660"/>
    </row>
    <row r="19" spans="1:9" ht="10.5" x14ac:dyDescent="0.2">
      <c r="A19" s="283" t="s">
        <v>131</v>
      </c>
      <c r="B19" s="659">
        <v>1000000</v>
      </c>
      <c r="C19" s="672"/>
      <c r="D19" s="659">
        <v>1000000</v>
      </c>
      <c r="E19" s="672"/>
      <c r="F19" s="659">
        <v>0</v>
      </c>
      <c r="G19" s="672"/>
      <c r="H19" s="659"/>
      <c r="I19" s="660"/>
    </row>
    <row r="20" spans="1:9" ht="10.5" x14ac:dyDescent="0.2">
      <c r="A20" s="283" t="s">
        <v>284</v>
      </c>
      <c r="B20" s="659">
        <v>9000000</v>
      </c>
      <c r="C20" s="672">
        <v>0</v>
      </c>
      <c r="D20" s="659">
        <v>9000000</v>
      </c>
      <c r="E20" s="672">
        <v>0</v>
      </c>
      <c r="F20" s="659">
        <v>1976540.89</v>
      </c>
      <c r="G20" s="672">
        <v>0</v>
      </c>
      <c r="H20" s="659">
        <v>189638.88</v>
      </c>
      <c r="I20" s="660">
        <v>0</v>
      </c>
    </row>
    <row r="21" spans="1:9" ht="10.5" x14ac:dyDescent="0.2">
      <c r="A21" s="283" t="s">
        <v>132</v>
      </c>
      <c r="B21" s="659">
        <v>8000000</v>
      </c>
      <c r="C21" s="672"/>
      <c r="D21" s="659">
        <v>8000000</v>
      </c>
      <c r="E21" s="672"/>
      <c r="F21" s="659">
        <v>1976540.89</v>
      </c>
      <c r="G21" s="672"/>
      <c r="H21" s="659">
        <v>189638.88</v>
      </c>
      <c r="I21" s="660"/>
    </row>
    <row r="22" spans="1:9" ht="10.5" x14ac:dyDescent="0.2">
      <c r="A22" s="283" t="s">
        <v>133</v>
      </c>
      <c r="B22" s="659">
        <v>1000000</v>
      </c>
      <c r="C22" s="672"/>
      <c r="D22" s="659">
        <v>1000000</v>
      </c>
      <c r="E22" s="672"/>
      <c r="F22" s="659">
        <v>0</v>
      </c>
      <c r="G22" s="672"/>
      <c r="H22" s="659"/>
      <c r="I22" s="660"/>
    </row>
    <row r="23" spans="1:9" ht="10.5" x14ac:dyDescent="0.2">
      <c r="A23" s="283" t="s">
        <v>749</v>
      </c>
      <c r="B23" s="659"/>
      <c r="C23" s="672"/>
      <c r="D23" s="659">
        <v>0</v>
      </c>
      <c r="E23" s="672"/>
      <c r="F23" s="659">
        <v>0</v>
      </c>
      <c r="G23" s="672"/>
      <c r="H23" s="659"/>
      <c r="I23" s="660"/>
    </row>
    <row r="24" spans="1:9" ht="10.5" x14ac:dyDescent="0.2">
      <c r="A24" s="283" t="s">
        <v>155</v>
      </c>
      <c r="B24" s="659"/>
      <c r="C24" s="672"/>
      <c r="D24" s="659">
        <v>15699.02</v>
      </c>
      <c r="E24" s="672"/>
      <c r="F24" s="659">
        <v>15699.02</v>
      </c>
      <c r="G24" s="672"/>
      <c r="H24" s="659">
        <v>10027.209999999999</v>
      </c>
      <c r="I24" s="660"/>
    </row>
    <row r="25" spans="1:9" ht="10.5" x14ac:dyDescent="0.2">
      <c r="A25" s="283" t="s">
        <v>312</v>
      </c>
      <c r="B25" s="659">
        <v>0</v>
      </c>
      <c r="C25" s="672">
        <v>0</v>
      </c>
      <c r="D25" s="659">
        <v>7212702.7699999996</v>
      </c>
      <c r="E25" s="672">
        <v>0</v>
      </c>
      <c r="F25" s="659">
        <v>7212702.7699999996</v>
      </c>
      <c r="G25" s="672">
        <v>0</v>
      </c>
      <c r="H25" s="659">
        <v>1693120.31</v>
      </c>
      <c r="I25" s="660">
        <v>0</v>
      </c>
    </row>
    <row r="26" spans="1:9" ht="10.5" x14ac:dyDescent="0.2">
      <c r="A26" s="283" t="s">
        <v>16</v>
      </c>
      <c r="B26" s="659"/>
      <c r="C26" s="672"/>
      <c r="D26" s="659">
        <v>0</v>
      </c>
      <c r="E26" s="672"/>
      <c r="F26" s="659">
        <v>0</v>
      </c>
      <c r="G26" s="672"/>
      <c r="H26" s="659"/>
      <c r="I26" s="660"/>
    </row>
    <row r="27" spans="1:9" ht="10.5" x14ac:dyDescent="0.2">
      <c r="A27" s="283" t="s">
        <v>17</v>
      </c>
      <c r="B27" s="659"/>
      <c r="C27" s="672"/>
      <c r="D27" s="659">
        <v>7212702.7699999996</v>
      </c>
      <c r="E27" s="672"/>
      <c r="F27" s="659">
        <v>7212702.7699999996</v>
      </c>
      <c r="G27" s="672"/>
      <c r="H27" s="659">
        <v>1693120.31</v>
      </c>
      <c r="I27" s="660"/>
    </row>
    <row r="28" spans="1:9" ht="10.5" x14ac:dyDescent="0.2">
      <c r="A28" s="283" t="s">
        <v>19</v>
      </c>
      <c r="B28" s="659"/>
      <c r="C28" s="672"/>
      <c r="D28" s="659">
        <v>0</v>
      </c>
      <c r="E28" s="672"/>
      <c r="F28" s="659">
        <v>0</v>
      </c>
      <c r="G28" s="672"/>
      <c r="H28" s="659"/>
      <c r="I28" s="660"/>
    </row>
    <row r="29" spans="1:9" ht="10.5" x14ac:dyDescent="0.2">
      <c r="A29" s="283" t="s">
        <v>227</v>
      </c>
      <c r="B29" s="659"/>
      <c r="C29" s="672"/>
      <c r="D29" s="659">
        <v>0</v>
      </c>
      <c r="E29" s="672"/>
      <c r="F29" s="659">
        <v>0</v>
      </c>
      <c r="G29" s="672"/>
      <c r="H29" s="659"/>
      <c r="I29" s="660"/>
    </row>
    <row r="30" spans="1:9" ht="10.5" x14ac:dyDescent="0.2">
      <c r="A30" s="61" t="s">
        <v>285</v>
      </c>
      <c r="B30" s="659">
        <v>0</v>
      </c>
      <c r="C30" s="672">
        <v>0</v>
      </c>
      <c r="D30" s="659">
        <v>0</v>
      </c>
      <c r="E30" s="672">
        <v>0</v>
      </c>
      <c r="F30" s="659">
        <v>0</v>
      </c>
      <c r="G30" s="672">
        <v>0</v>
      </c>
      <c r="H30" s="659">
        <v>0</v>
      </c>
      <c r="I30" s="660">
        <v>0</v>
      </c>
    </row>
    <row r="31" spans="1:9" ht="10.5" x14ac:dyDescent="0.2">
      <c r="A31" s="130" t="s">
        <v>546</v>
      </c>
      <c r="B31" s="659"/>
      <c r="C31" s="672"/>
      <c r="D31" s="659">
        <v>0</v>
      </c>
      <c r="E31" s="672"/>
      <c r="F31" s="659">
        <v>0</v>
      </c>
      <c r="G31" s="672"/>
      <c r="H31" s="659"/>
      <c r="I31" s="660"/>
    </row>
    <row r="32" spans="1:9" ht="10.5" x14ac:dyDescent="0.2">
      <c r="A32" s="130" t="s">
        <v>547</v>
      </c>
      <c r="B32" s="659"/>
      <c r="C32" s="672"/>
      <c r="D32" s="659">
        <v>0</v>
      </c>
      <c r="E32" s="672"/>
      <c r="F32" s="659">
        <v>0</v>
      </c>
      <c r="G32" s="672"/>
      <c r="H32" s="659"/>
      <c r="I32" s="660"/>
    </row>
    <row r="33" spans="1:10" s="73" customFormat="1" ht="10.5" x14ac:dyDescent="0.2">
      <c r="A33" s="164" t="s">
        <v>40</v>
      </c>
      <c r="B33" s="659">
        <v>0</v>
      </c>
      <c r="C33" s="672">
        <v>0</v>
      </c>
      <c r="D33" s="659">
        <v>0</v>
      </c>
      <c r="E33" s="672">
        <v>0</v>
      </c>
      <c r="F33" s="659">
        <v>0</v>
      </c>
      <c r="G33" s="672">
        <v>0</v>
      </c>
      <c r="H33" s="659">
        <v>0</v>
      </c>
      <c r="I33" s="660">
        <v>0</v>
      </c>
      <c r="J33" s="163"/>
    </row>
    <row r="34" spans="1:10" ht="10.5" x14ac:dyDescent="0.2">
      <c r="A34" s="130" t="s">
        <v>120</v>
      </c>
      <c r="B34" s="659"/>
      <c r="C34" s="672"/>
      <c r="D34" s="659">
        <v>0</v>
      </c>
      <c r="E34" s="672"/>
      <c r="F34" s="659">
        <v>0</v>
      </c>
      <c r="G34" s="672"/>
      <c r="H34" s="659"/>
      <c r="I34" s="660"/>
    </row>
    <row r="35" spans="1:10" ht="10.5" x14ac:dyDescent="0.2">
      <c r="A35" s="283" t="s">
        <v>228</v>
      </c>
      <c r="B35" s="659"/>
      <c r="C35" s="672"/>
      <c r="D35" s="659">
        <v>0</v>
      </c>
      <c r="E35" s="672"/>
      <c r="F35" s="659">
        <v>0</v>
      </c>
      <c r="G35" s="672"/>
      <c r="H35" s="659"/>
      <c r="I35" s="660"/>
    </row>
    <row r="36" spans="1:10" ht="10.5" x14ac:dyDescent="0.2">
      <c r="A36" s="130" t="s">
        <v>286</v>
      </c>
      <c r="B36" s="659"/>
      <c r="C36" s="672"/>
      <c r="D36" s="659">
        <v>0</v>
      </c>
      <c r="E36" s="672"/>
      <c r="F36" s="659">
        <v>0</v>
      </c>
      <c r="G36" s="672"/>
      <c r="H36" s="659"/>
      <c r="I36" s="660"/>
    </row>
    <row r="37" spans="1:10" s="160" customFormat="1" ht="10.5" x14ac:dyDescent="0.2">
      <c r="A37" s="73"/>
      <c r="B37" s="659"/>
      <c r="C37" s="672"/>
      <c r="D37" s="659">
        <v>0</v>
      </c>
      <c r="E37" s="672"/>
      <c r="F37" s="659">
        <v>0</v>
      </c>
      <c r="G37" s="672"/>
      <c r="H37" s="659"/>
      <c r="I37" s="660"/>
      <c r="J37" s="225"/>
    </row>
    <row r="38" spans="1:10" s="73" customFormat="1" ht="15" customHeight="1" x14ac:dyDescent="0.2">
      <c r="A38" s="165" t="s">
        <v>548</v>
      </c>
      <c r="B38" s="661">
        <v>15495000</v>
      </c>
      <c r="C38" s="675"/>
      <c r="D38" s="661">
        <v>37197646.969999999</v>
      </c>
      <c r="E38" s="675"/>
      <c r="F38" s="661">
        <v>35197646.969999999</v>
      </c>
      <c r="G38" s="675"/>
      <c r="H38" s="661">
        <v>16355490.75</v>
      </c>
      <c r="I38" s="662"/>
      <c r="J38" s="163"/>
    </row>
    <row r="39" spans="1:10" ht="18.75" customHeight="1" x14ac:dyDescent="0.2">
      <c r="A39" s="131" t="s">
        <v>768</v>
      </c>
      <c r="B39" s="669">
        <v>30495000</v>
      </c>
      <c r="C39" s="670">
        <v>0</v>
      </c>
      <c r="D39" s="669">
        <v>74021848.189999998</v>
      </c>
      <c r="E39" s="670">
        <v>0</v>
      </c>
      <c r="F39" s="790">
        <v>58998389.079999998</v>
      </c>
      <c r="G39" s="791">
        <v>0</v>
      </c>
      <c r="H39" s="669">
        <v>25990007.890000001</v>
      </c>
      <c r="I39" s="708">
        <v>0</v>
      </c>
    </row>
    <row r="40" spans="1:10" ht="10.5" x14ac:dyDescent="0.2">
      <c r="A40" s="132"/>
      <c r="B40" s="129"/>
      <c r="C40" s="129"/>
      <c r="D40" s="17"/>
      <c r="E40" s="129"/>
      <c r="F40" s="81"/>
      <c r="G40" s="81"/>
      <c r="H40" s="27"/>
      <c r="I40" s="27"/>
    </row>
    <row r="41" spans="1:10" ht="30" customHeight="1" x14ac:dyDescent="0.15">
      <c r="A41" s="741" t="s">
        <v>160</v>
      </c>
      <c r="B41" s="208" t="s">
        <v>157</v>
      </c>
      <c r="C41" s="208" t="s">
        <v>157</v>
      </c>
      <c r="D41" s="690" t="s">
        <v>158</v>
      </c>
      <c r="E41" s="692"/>
      <c r="F41" s="755" t="s">
        <v>159</v>
      </c>
      <c r="G41" s="756"/>
      <c r="H41" s="755" t="s">
        <v>348</v>
      </c>
      <c r="I41" s="757"/>
    </row>
    <row r="42" spans="1:10" ht="15" customHeight="1" x14ac:dyDescent="0.2">
      <c r="A42" s="744"/>
      <c r="B42" s="767" t="s">
        <v>111</v>
      </c>
      <c r="C42" s="767" t="s">
        <v>112</v>
      </c>
      <c r="D42" s="324" t="s">
        <v>115</v>
      </c>
      <c r="E42" s="324" t="s">
        <v>115</v>
      </c>
      <c r="F42" s="324" t="s">
        <v>115</v>
      </c>
      <c r="G42" s="324" t="s">
        <v>115</v>
      </c>
      <c r="H42" s="751" t="s">
        <v>746</v>
      </c>
      <c r="I42" s="753" t="s">
        <v>747</v>
      </c>
    </row>
    <row r="43" spans="1:10" ht="15" customHeight="1" x14ac:dyDescent="0.2">
      <c r="A43" s="745"/>
      <c r="B43" s="743"/>
      <c r="C43" s="743"/>
      <c r="D43" s="329">
        <v>2015</v>
      </c>
      <c r="E43" s="328">
        <v>2014</v>
      </c>
      <c r="F43" s="329">
        <v>2015</v>
      </c>
      <c r="G43" s="328">
        <v>2014</v>
      </c>
      <c r="H43" s="752"/>
      <c r="I43" s="754"/>
    </row>
    <row r="44" spans="1:10" s="73" customFormat="1" ht="10.5" x14ac:dyDescent="0.2">
      <c r="A44" s="166" t="s">
        <v>134</v>
      </c>
      <c r="B44" s="456">
        <v>30495000</v>
      </c>
      <c r="C44" s="456">
        <v>30495000</v>
      </c>
      <c r="D44" s="456">
        <v>1457173.15</v>
      </c>
      <c r="E44" s="456">
        <v>1304797</v>
      </c>
      <c r="F44" s="456">
        <v>561787.41999999993</v>
      </c>
      <c r="G44" s="456">
        <v>677310.83</v>
      </c>
      <c r="H44" s="456">
        <v>0</v>
      </c>
      <c r="I44" s="540">
        <v>0</v>
      </c>
      <c r="J44" s="163"/>
    </row>
    <row r="45" spans="1:10" s="73" customFormat="1" ht="10.5" x14ac:dyDescent="0.2">
      <c r="A45" s="73" t="s">
        <v>281</v>
      </c>
      <c r="B45" s="451">
        <v>28960200</v>
      </c>
      <c r="C45" s="451">
        <v>27326200</v>
      </c>
      <c r="D45" s="451">
        <v>0</v>
      </c>
      <c r="E45" s="451">
        <v>0</v>
      </c>
      <c r="F45" s="451">
        <v>0</v>
      </c>
      <c r="G45" s="451">
        <v>0</v>
      </c>
      <c r="H45" s="451">
        <v>0</v>
      </c>
      <c r="I45" s="452">
        <v>0</v>
      </c>
      <c r="J45" s="163"/>
    </row>
    <row r="46" spans="1:10" ht="10.5" x14ac:dyDescent="0.2">
      <c r="A46" s="28" t="s">
        <v>287</v>
      </c>
      <c r="B46" s="451">
        <v>28960200</v>
      </c>
      <c r="C46" s="451">
        <v>27326200</v>
      </c>
      <c r="D46" s="451">
        <v>0</v>
      </c>
      <c r="E46" s="451">
        <v>0</v>
      </c>
      <c r="F46" s="451">
        <v>0</v>
      </c>
      <c r="G46" s="451"/>
      <c r="H46" s="451">
        <v>0</v>
      </c>
      <c r="I46" s="452">
        <v>0</v>
      </c>
    </row>
    <row r="47" spans="1:10" ht="10.5" x14ac:dyDescent="0.2">
      <c r="A47" s="28" t="s">
        <v>288</v>
      </c>
      <c r="B47" s="451">
        <v>0</v>
      </c>
      <c r="C47" s="451">
        <v>0</v>
      </c>
      <c r="D47" s="451">
        <v>0</v>
      </c>
      <c r="E47" s="451">
        <v>0</v>
      </c>
      <c r="F47" s="451">
        <v>0</v>
      </c>
      <c r="G47" s="451"/>
      <c r="H47" s="451">
        <v>0</v>
      </c>
      <c r="I47" s="452">
        <v>0</v>
      </c>
    </row>
    <row r="48" spans="1:10" s="73" customFormat="1" ht="10.5" x14ac:dyDescent="0.2">
      <c r="A48" s="312" t="s">
        <v>135</v>
      </c>
      <c r="B48" s="449">
        <v>1534800</v>
      </c>
      <c r="C48" s="449">
        <v>3168800</v>
      </c>
      <c r="D48" s="449">
        <v>1457173.15</v>
      </c>
      <c r="E48" s="449">
        <v>1304797</v>
      </c>
      <c r="F48" s="449">
        <v>561787.41999999993</v>
      </c>
      <c r="G48" s="449">
        <v>677310.83</v>
      </c>
      <c r="H48" s="449">
        <v>0</v>
      </c>
      <c r="I48" s="450">
        <v>0</v>
      </c>
      <c r="J48" s="163"/>
    </row>
    <row r="49" spans="1:10" ht="10.5" x14ac:dyDescent="0.2">
      <c r="A49" s="28" t="s">
        <v>201</v>
      </c>
      <c r="B49" s="451">
        <v>632400</v>
      </c>
      <c r="C49" s="451">
        <v>3159400</v>
      </c>
      <c r="D49" s="451">
        <v>1447773.15</v>
      </c>
      <c r="E49" s="451">
        <v>1304797</v>
      </c>
      <c r="F49" s="451">
        <v>552620.91999999993</v>
      </c>
      <c r="G49" s="451">
        <v>677310.83</v>
      </c>
      <c r="H49" s="451">
        <v>0</v>
      </c>
      <c r="I49" s="452">
        <v>0</v>
      </c>
    </row>
    <row r="50" spans="1:10" ht="10.5" x14ac:dyDescent="0.2">
      <c r="A50" s="28" t="s">
        <v>289</v>
      </c>
      <c r="B50" s="451">
        <v>74400</v>
      </c>
      <c r="C50" s="451">
        <v>1715426.85</v>
      </c>
      <c r="D50" s="451">
        <v>3800</v>
      </c>
      <c r="E50" s="451">
        <v>0</v>
      </c>
      <c r="F50" s="451">
        <v>0</v>
      </c>
      <c r="G50" s="451">
        <v>0</v>
      </c>
      <c r="H50" s="451">
        <v>0</v>
      </c>
      <c r="I50" s="452">
        <v>0</v>
      </c>
    </row>
    <row r="51" spans="1:10" ht="10.5" x14ac:dyDescent="0.15">
      <c r="A51" s="28" t="s">
        <v>290</v>
      </c>
      <c r="B51" s="559">
        <v>78000</v>
      </c>
      <c r="C51" s="451">
        <v>30000</v>
      </c>
      <c r="D51" s="451">
        <v>30000</v>
      </c>
      <c r="E51" s="451">
        <v>0</v>
      </c>
      <c r="F51" s="451">
        <v>5909.34</v>
      </c>
      <c r="G51" s="451">
        <v>0</v>
      </c>
      <c r="H51" s="451">
        <v>0</v>
      </c>
      <c r="I51" s="452">
        <v>0</v>
      </c>
    </row>
    <row r="52" spans="1:10" ht="10.5" x14ac:dyDescent="0.15">
      <c r="A52" s="28" t="s">
        <v>291</v>
      </c>
      <c r="B52" s="550">
        <v>480000</v>
      </c>
      <c r="C52" s="451">
        <v>1413973.15</v>
      </c>
      <c r="D52" s="451">
        <v>1413973.15</v>
      </c>
      <c r="E52" s="451">
        <v>1304797</v>
      </c>
      <c r="F52" s="451">
        <v>546711.57999999996</v>
      </c>
      <c r="G52" s="451">
        <v>677310.83</v>
      </c>
      <c r="H52" s="451">
        <v>0</v>
      </c>
      <c r="I52" s="452">
        <v>0</v>
      </c>
    </row>
    <row r="53" spans="1:10" ht="10.5" x14ac:dyDescent="0.2">
      <c r="A53" s="28" t="s">
        <v>202</v>
      </c>
      <c r="B53" s="537">
        <v>902400</v>
      </c>
      <c r="C53" s="451">
        <v>9400</v>
      </c>
      <c r="D53" s="451">
        <v>9400</v>
      </c>
      <c r="E53" s="451">
        <v>0</v>
      </c>
      <c r="F53" s="451">
        <v>9166.5</v>
      </c>
      <c r="G53" s="451">
        <v>0</v>
      </c>
      <c r="H53" s="451">
        <v>0</v>
      </c>
      <c r="I53" s="452">
        <v>0</v>
      </c>
    </row>
    <row r="54" spans="1:10" ht="10.5" x14ac:dyDescent="0.15">
      <c r="A54" s="28" t="s">
        <v>292</v>
      </c>
      <c r="B54" s="550">
        <v>44400</v>
      </c>
      <c r="C54" s="451">
        <v>0</v>
      </c>
      <c r="D54" s="451">
        <v>0</v>
      </c>
      <c r="E54" s="451">
        <v>0</v>
      </c>
      <c r="F54" s="451">
        <v>0</v>
      </c>
      <c r="G54" s="451">
        <v>0</v>
      </c>
      <c r="H54" s="451">
        <v>0</v>
      </c>
      <c r="I54" s="452">
        <v>0</v>
      </c>
    </row>
    <row r="55" spans="1:10" ht="10.5" x14ac:dyDescent="0.15">
      <c r="A55" s="28" t="s">
        <v>290</v>
      </c>
      <c r="B55" s="550">
        <v>18000</v>
      </c>
      <c r="C55" s="451">
        <v>9400</v>
      </c>
      <c r="D55" s="451">
        <v>9400</v>
      </c>
      <c r="E55" s="451">
        <v>0</v>
      </c>
      <c r="F55" s="451">
        <v>9166.5</v>
      </c>
      <c r="G55" s="451">
        <v>0</v>
      </c>
      <c r="H55" s="451">
        <v>0</v>
      </c>
      <c r="I55" s="452">
        <v>0</v>
      </c>
    </row>
    <row r="56" spans="1:10" ht="10.5" x14ac:dyDescent="0.15">
      <c r="A56" s="28" t="s">
        <v>291</v>
      </c>
      <c r="B56" s="550">
        <v>840000</v>
      </c>
      <c r="C56" s="451">
        <v>0</v>
      </c>
      <c r="D56" s="451">
        <v>0</v>
      </c>
      <c r="E56" s="451">
        <v>0</v>
      </c>
      <c r="F56" s="451">
        <v>0</v>
      </c>
      <c r="G56" s="451">
        <v>0</v>
      </c>
      <c r="H56" s="451">
        <v>0</v>
      </c>
      <c r="I56" s="452">
        <v>0</v>
      </c>
    </row>
    <row r="57" spans="1:10" ht="10.5" x14ac:dyDescent="0.2">
      <c r="A57" s="28" t="s">
        <v>293</v>
      </c>
      <c r="B57" s="537">
        <v>0</v>
      </c>
      <c r="C57" s="451">
        <v>0</v>
      </c>
      <c r="D57" s="451">
        <v>0</v>
      </c>
      <c r="E57" s="451">
        <v>0</v>
      </c>
      <c r="F57" s="451">
        <v>0</v>
      </c>
      <c r="G57" s="451">
        <v>0</v>
      </c>
      <c r="H57" s="451">
        <v>0</v>
      </c>
      <c r="I57" s="452">
        <v>0</v>
      </c>
    </row>
    <row r="58" spans="1:10" ht="10.5" x14ac:dyDescent="0.15">
      <c r="A58" s="28" t="s">
        <v>229</v>
      </c>
      <c r="B58" s="550">
        <v>0</v>
      </c>
      <c r="C58" s="451">
        <v>0</v>
      </c>
      <c r="D58" s="451">
        <v>0</v>
      </c>
      <c r="E58" s="451">
        <v>0</v>
      </c>
      <c r="F58" s="451">
        <v>0</v>
      </c>
      <c r="G58" s="451">
        <v>0</v>
      </c>
      <c r="H58" s="451">
        <v>0</v>
      </c>
      <c r="I58" s="452">
        <v>0</v>
      </c>
    </row>
    <row r="59" spans="1:10" ht="10.5" x14ac:dyDescent="0.15">
      <c r="A59" s="28" t="s">
        <v>60</v>
      </c>
      <c r="B59" s="550">
        <v>0</v>
      </c>
      <c r="C59" s="451">
        <v>0</v>
      </c>
      <c r="D59" s="451">
        <v>0</v>
      </c>
      <c r="E59" s="451">
        <v>0</v>
      </c>
      <c r="F59" s="451">
        <v>0</v>
      </c>
      <c r="G59" s="451">
        <v>0</v>
      </c>
      <c r="H59" s="451">
        <v>0</v>
      </c>
      <c r="I59" s="452">
        <v>0</v>
      </c>
    </row>
    <row r="60" spans="1:10" s="73" customFormat="1" ht="15" customHeight="1" x14ac:dyDescent="0.2">
      <c r="A60" s="338" t="s">
        <v>549</v>
      </c>
      <c r="B60" s="551">
        <v>0</v>
      </c>
      <c r="C60" s="449">
        <v>0</v>
      </c>
      <c r="D60" s="449">
        <v>0</v>
      </c>
      <c r="E60" s="449">
        <v>0</v>
      </c>
      <c r="F60" s="449">
        <v>0</v>
      </c>
      <c r="G60" s="449">
        <v>0</v>
      </c>
      <c r="H60" s="449">
        <v>0</v>
      </c>
      <c r="I60" s="450">
        <v>0</v>
      </c>
      <c r="J60" s="163"/>
    </row>
    <row r="61" spans="1:10" s="73" customFormat="1" ht="15" customHeight="1" x14ac:dyDescent="0.2">
      <c r="A61" s="29" t="s">
        <v>750</v>
      </c>
      <c r="B61" s="384">
        <v>30495000</v>
      </c>
      <c r="C61" s="384">
        <v>30495000</v>
      </c>
      <c r="D61" s="384">
        <v>1457173.15</v>
      </c>
      <c r="E61" s="384">
        <v>1304797</v>
      </c>
      <c r="F61" s="384">
        <v>561787.41999999993</v>
      </c>
      <c r="G61" s="384">
        <v>677310.83</v>
      </c>
      <c r="H61" s="384">
        <v>0</v>
      </c>
      <c r="I61" s="385">
        <v>0</v>
      </c>
      <c r="J61" s="163"/>
    </row>
    <row r="62" spans="1:10" s="22" customFormat="1" ht="10.5" x14ac:dyDescent="0.2">
      <c r="A62" s="134"/>
      <c r="B62" s="555"/>
      <c r="C62" s="555"/>
      <c r="D62" s="555"/>
      <c r="E62" s="555"/>
      <c r="F62" s="556"/>
      <c r="G62" s="556"/>
      <c r="H62" s="556"/>
      <c r="I62" s="556"/>
      <c r="J62" s="225"/>
    </row>
    <row r="63" spans="1:10" s="73" customFormat="1" ht="15" customHeight="1" x14ac:dyDescent="0.2">
      <c r="A63" s="29" t="s">
        <v>550</v>
      </c>
      <c r="B63" s="384">
        <v>0</v>
      </c>
      <c r="C63" s="384">
        <v>43526848.189999998</v>
      </c>
      <c r="D63" s="384"/>
      <c r="E63" s="384"/>
      <c r="F63" s="384">
        <v>58436601.659999996</v>
      </c>
      <c r="G63" s="384">
        <v>25312697.060000002</v>
      </c>
      <c r="H63" s="384"/>
      <c r="I63" s="385"/>
      <c r="J63" s="163"/>
    </row>
    <row r="64" spans="1:10" ht="10.5" x14ac:dyDescent="0.2">
      <c r="A64" s="33"/>
      <c r="B64" s="30"/>
      <c r="C64" s="30"/>
      <c r="D64" s="30"/>
      <c r="E64" s="30"/>
      <c r="F64" s="225"/>
      <c r="G64" s="225"/>
      <c r="H64" s="225"/>
      <c r="I64" s="225"/>
    </row>
    <row r="65" spans="1:10" ht="12.75" customHeight="1" x14ac:dyDescent="0.15">
      <c r="A65" s="770" t="s">
        <v>551</v>
      </c>
      <c r="B65" s="758" t="s">
        <v>108</v>
      </c>
      <c r="C65" s="759"/>
      <c r="D65" s="758" t="s">
        <v>108</v>
      </c>
      <c r="E65" s="759"/>
      <c r="F65" s="753" t="s">
        <v>109</v>
      </c>
      <c r="G65" s="760"/>
      <c r="H65" s="760"/>
      <c r="I65" s="760"/>
    </row>
    <row r="66" spans="1:10" ht="10.5" x14ac:dyDescent="0.2">
      <c r="A66" s="762"/>
      <c r="B66" s="761" t="s">
        <v>111</v>
      </c>
      <c r="C66" s="762"/>
      <c r="D66" s="764" t="s">
        <v>112</v>
      </c>
      <c r="E66" s="744"/>
      <c r="F66" s="739" t="s">
        <v>115</v>
      </c>
      <c r="G66" s="741"/>
      <c r="H66" s="739" t="s">
        <v>115</v>
      </c>
      <c r="I66" s="740"/>
    </row>
    <row r="67" spans="1:10" ht="10.5" x14ac:dyDescent="0.2">
      <c r="A67" s="763"/>
      <c r="B67" s="754"/>
      <c r="C67" s="763"/>
      <c r="D67" s="765"/>
      <c r="E67" s="745"/>
      <c r="F67" s="761">
        <v>2015</v>
      </c>
      <c r="G67" s="762"/>
      <c r="H67" s="764">
        <v>2014</v>
      </c>
      <c r="I67" s="769"/>
    </row>
    <row r="68" spans="1:10" s="73" customFormat="1" ht="10.5" x14ac:dyDescent="0.2">
      <c r="A68" s="167" t="s">
        <v>136</v>
      </c>
      <c r="B68" s="721">
        <v>0</v>
      </c>
      <c r="C68" s="800">
        <v>0</v>
      </c>
      <c r="D68" s="721">
        <v>0</v>
      </c>
      <c r="E68" s="800">
        <v>0</v>
      </c>
      <c r="F68" s="781">
        <v>0</v>
      </c>
      <c r="G68" s="783">
        <v>0</v>
      </c>
      <c r="H68" s="781">
        <v>0</v>
      </c>
      <c r="I68" s="782">
        <v>0</v>
      </c>
      <c r="J68" s="163"/>
    </row>
    <row r="69" spans="1:10" s="73" customFormat="1" ht="10.5" x14ac:dyDescent="0.2">
      <c r="A69" s="167" t="s">
        <v>137</v>
      </c>
      <c r="B69" s="659">
        <v>0</v>
      </c>
      <c r="C69" s="672"/>
      <c r="D69" s="659">
        <v>0</v>
      </c>
      <c r="E69" s="672"/>
      <c r="F69" s="784">
        <v>0</v>
      </c>
      <c r="G69" s="786"/>
      <c r="H69" s="784">
        <v>0</v>
      </c>
      <c r="I69" s="785"/>
      <c r="J69" s="163"/>
    </row>
    <row r="70" spans="1:10" ht="10.5" x14ac:dyDescent="0.2">
      <c r="A70" s="126" t="s">
        <v>138</v>
      </c>
      <c r="B70" s="659"/>
      <c r="C70" s="672"/>
      <c r="D70" s="659">
        <v>0</v>
      </c>
      <c r="E70" s="672"/>
      <c r="F70" s="784"/>
      <c r="G70" s="786"/>
      <c r="H70" s="784">
        <v>0</v>
      </c>
      <c r="I70" s="785"/>
    </row>
    <row r="71" spans="1:10" ht="10.5" x14ac:dyDescent="0.2">
      <c r="A71" s="126" t="s">
        <v>139</v>
      </c>
      <c r="B71" s="659"/>
      <c r="C71" s="672"/>
      <c r="D71" s="659">
        <v>0</v>
      </c>
      <c r="E71" s="672"/>
      <c r="F71" s="784"/>
      <c r="G71" s="786"/>
      <c r="H71" s="784">
        <v>0</v>
      </c>
      <c r="I71" s="785"/>
    </row>
    <row r="72" spans="1:10" ht="10.5" x14ac:dyDescent="0.2">
      <c r="A72" s="126" t="s">
        <v>140</v>
      </c>
      <c r="B72" s="659"/>
      <c r="C72" s="672"/>
      <c r="D72" s="659">
        <v>0</v>
      </c>
      <c r="E72" s="672"/>
      <c r="F72" s="784"/>
      <c r="G72" s="786"/>
      <c r="H72" s="784">
        <v>0</v>
      </c>
      <c r="I72" s="785"/>
    </row>
    <row r="73" spans="1:10" s="73" customFormat="1" ht="10.5" x14ac:dyDescent="0.2">
      <c r="A73" s="167" t="s">
        <v>141</v>
      </c>
      <c r="B73" s="659">
        <v>0</v>
      </c>
      <c r="C73" s="672"/>
      <c r="D73" s="659">
        <v>0</v>
      </c>
      <c r="E73" s="672"/>
      <c r="F73" s="784">
        <v>0</v>
      </c>
      <c r="G73" s="786"/>
      <c r="H73" s="784">
        <v>0</v>
      </c>
      <c r="I73" s="785"/>
      <c r="J73" s="163"/>
    </row>
    <row r="74" spans="1:10" ht="10.5" x14ac:dyDescent="0.2">
      <c r="A74" s="126" t="s">
        <v>142</v>
      </c>
      <c r="B74" s="659"/>
      <c r="C74" s="672"/>
      <c r="D74" s="659">
        <v>0</v>
      </c>
      <c r="E74" s="672"/>
      <c r="F74" s="784"/>
      <c r="G74" s="786"/>
      <c r="H74" s="784">
        <v>0</v>
      </c>
      <c r="I74" s="785"/>
    </row>
    <row r="75" spans="1:10" ht="10.5" x14ac:dyDescent="0.2">
      <c r="A75" s="126" t="s">
        <v>143</v>
      </c>
      <c r="B75" s="659"/>
      <c r="C75" s="672"/>
      <c r="D75" s="659">
        <v>0</v>
      </c>
      <c r="E75" s="672"/>
      <c r="F75" s="784"/>
      <c r="G75" s="786"/>
      <c r="H75" s="784">
        <v>0</v>
      </c>
      <c r="I75" s="785"/>
    </row>
    <row r="76" spans="1:10" ht="10.5" x14ac:dyDescent="0.2">
      <c r="A76" s="128" t="s">
        <v>140</v>
      </c>
      <c r="B76" s="710"/>
      <c r="C76" s="723"/>
      <c r="D76" s="710">
        <v>0</v>
      </c>
      <c r="E76" s="723"/>
      <c r="F76" s="787"/>
      <c r="G76" s="789"/>
      <c r="H76" s="787">
        <v>0</v>
      </c>
      <c r="I76" s="788"/>
    </row>
    <row r="77" spans="1:10" ht="10.5" x14ac:dyDescent="0.2">
      <c r="A77" s="325"/>
      <c r="B77" s="325"/>
      <c r="C77" s="325"/>
      <c r="D77" s="199"/>
      <c r="E77" s="199"/>
      <c r="F77" s="199"/>
      <c r="G77" s="75"/>
      <c r="H77" s="75"/>
      <c r="I77" s="75"/>
    </row>
    <row r="78" spans="1:10" ht="15" customHeight="1" x14ac:dyDescent="0.2">
      <c r="A78" s="757" t="s">
        <v>144</v>
      </c>
      <c r="B78" s="757"/>
      <c r="C78" s="756"/>
      <c r="D78" s="755" t="s">
        <v>122</v>
      </c>
      <c r="E78" s="757"/>
      <c r="F78" s="757"/>
      <c r="G78" s="757"/>
      <c r="H78" s="757"/>
      <c r="I78" s="757"/>
    </row>
    <row r="79" spans="1:10" s="73" customFormat="1" ht="15" customHeight="1" x14ac:dyDescent="0.2">
      <c r="A79" s="798" t="s">
        <v>209</v>
      </c>
      <c r="B79" s="798"/>
      <c r="C79" s="799"/>
      <c r="D79" s="777"/>
      <c r="E79" s="778"/>
      <c r="F79" s="778"/>
      <c r="G79" s="778"/>
      <c r="H79" s="778"/>
      <c r="I79" s="778"/>
      <c r="J79" s="163"/>
    </row>
    <row r="80" spans="1:10" ht="10.5" x14ac:dyDescent="0.2">
      <c r="A80" s="327"/>
      <c r="B80" s="327"/>
      <c r="C80" s="327"/>
      <c r="D80" s="326"/>
      <c r="E80" s="326"/>
      <c r="F80" s="326"/>
      <c r="G80" s="81"/>
      <c r="H80" s="81"/>
      <c r="I80" s="81"/>
    </row>
    <row r="81" spans="1:10" ht="15" customHeight="1" x14ac:dyDescent="0.2">
      <c r="A81" s="760" t="s">
        <v>552</v>
      </c>
      <c r="B81" s="760"/>
      <c r="C81" s="770"/>
      <c r="D81" s="753" t="s">
        <v>208</v>
      </c>
      <c r="E81" s="760"/>
      <c r="F81" s="760"/>
      <c r="G81" s="760"/>
      <c r="H81" s="760"/>
      <c r="I81" s="760"/>
    </row>
    <row r="82" spans="1:10" ht="15.75" customHeight="1" x14ac:dyDescent="0.2">
      <c r="A82" s="776"/>
      <c r="B82" s="776"/>
      <c r="C82" s="763"/>
      <c r="D82" s="755">
        <v>2015</v>
      </c>
      <c r="E82" s="757"/>
      <c r="F82" s="756"/>
      <c r="G82" s="757">
        <v>2014</v>
      </c>
      <c r="H82" s="757"/>
      <c r="I82" s="757"/>
    </row>
    <row r="83" spans="1:10" s="73" customFormat="1" ht="10.5" x14ac:dyDescent="0.2">
      <c r="A83" s="779" t="s">
        <v>123</v>
      </c>
      <c r="B83" s="779"/>
      <c r="C83" s="780"/>
      <c r="D83" s="781"/>
      <c r="E83" s="782"/>
      <c r="F83" s="783"/>
      <c r="G83" s="781">
        <v>0</v>
      </c>
      <c r="H83" s="782"/>
      <c r="I83" s="782"/>
      <c r="J83" s="163"/>
    </row>
    <row r="84" spans="1:10" s="73" customFormat="1" ht="10.5" x14ac:dyDescent="0.2">
      <c r="A84" s="772" t="s">
        <v>124</v>
      </c>
      <c r="B84" s="772"/>
      <c r="C84" s="773"/>
      <c r="D84" s="784">
        <v>0</v>
      </c>
      <c r="E84" s="785"/>
      <c r="F84" s="786"/>
      <c r="G84" s="784">
        <v>457396.68</v>
      </c>
      <c r="H84" s="785"/>
      <c r="I84" s="785"/>
      <c r="J84" s="163"/>
    </row>
    <row r="85" spans="1:10" s="73" customFormat="1" ht="10.5" x14ac:dyDescent="0.2">
      <c r="A85" s="772" t="s">
        <v>125</v>
      </c>
      <c r="B85" s="772"/>
      <c r="C85" s="773"/>
      <c r="D85" s="784">
        <v>99626753.579999998</v>
      </c>
      <c r="E85" s="785"/>
      <c r="F85" s="786"/>
      <c r="G85" s="784">
        <v>32616715.34</v>
      </c>
      <c r="H85" s="785"/>
      <c r="I85" s="785"/>
      <c r="J85" s="163"/>
    </row>
    <row r="86" spans="1:10" s="73" customFormat="1" ht="10.5" x14ac:dyDescent="0.2">
      <c r="A86" s="774" t="s">
        <v>126</v>
      </c>
      <c r="B86" s="774"/>
      <c r="C86" s="775"/>
      <c r="D86" s="787"/>
      <c r="E86" s="788"/>
      <c r="F86" s="789"/>
      <c r="G86" s="787">
        <v>0</v>
      </c>
      <c r="H86" s="788"/>
      <c r="I86" s="788"/>
      <c r="J86" s="163"/>
    </row>
    <row r="87" spans="1:10" s="22" customFormat="1" ht="10.5" x14ac:dyDescent="0.2">
      <c r="A87" s="190"/>
      <c r="B87" s="190"/>
      <c r="C87" s="127"/>
      <c r="D87" s="771"/>
      <c r="E87" s="771"/>
      <c r="F87" s="325"/>
      <c r="G87" s="127"/>
      <c r="H87" s="81"/>
      <c r="I87" s="81"/>
      <c r="J87" s="225"/>
    </row>
    <row r="88" spans="1:10" ht="15" customHeight="1" x14ac:dyDescent="0.15">
      <c r="A88" s="741" t="s">
        <v>145</v>
      </c>
      <c r="B88" s="758" t="s">
        <v>108</v>
      </c>
      <c r="C88" s="759"/>
      <c r="D88" s="758" t="s">
        <v>108</v>
      </c>
      <c r="E88" s="759"/>
      <c r="F88" s="753" t="s">
        <v>109</v>
      </c>
      <c r="G88" s="760"/>
      <c r="H88" s="760"/>
      <c r="I88" s="760"/>
    </row>
    <row r="89" spans="1:10" ht="15" customHeight="1" x14ac:dyDescent="0.2">
      <c r="A89" s="744"/>
      <c r="B89" s="761" t="s">
        <v>111</v>
      </c>
      <c r="C89" s="762"/>
      <c r="D89" s="764" t="s">
        <v>112</v>
      </c>
      <c r="E89" s="744"/>
      <c r="F89" s="739" t="s">
        <v>115</v>
      </c>
      <c r="G89" s="741"/>
      <c r="H89" s="739" t="s">
        <v>115</v>
      </c>
      <c r="I89" s="740"/>
    </row>
    <row r="90" spans="1:10" ht="15" customHeight="1" x14ac:dyDescent="0.2">
      <c r="A90" s="745"/>
      <c r="B90" s="754"/>
      <c r="C90" s="763"/>
      <c r="D90" s="765"/>
      <c r="E90" s="745"/>
      <c r="F90" s="754">
        <v>2015</v>
      </c>
      <c r="G90" s="763"/>
      <c r="H90" s="765">
        <v>2014</v>
      </c>
      <c r="I90" s="766"/>
    </row>
    <row r="91" spans="1:10" s="73" customFormat="1" ht="10.5" x14ac:dyDescent="0.2">
      <c r="A91" s="163" t="s">
        <v>147</v>
      </c>
      <c r="B91" s="679">
        <v>15495000</v>
      </c>
      <c r="C91" s="680">
        <v>0</v>
      </c>
      <c r="D91" s="679">
        <v>37197646.969999999</v>
      </c>
      <c r="E91" s="680">
        <v>0</v>
      </c>
      <c r="F91" s="679">
        <v>35197646.969999999</v>
      </c>
      <c r="G91" s="680">
        <v>0</v>
      </c>
      <c r="H91" s="679">
        <v>16355490.75</v>
      </c>
      <c r="I91" s="709">
        <v>0</v>
      </c>
      <c r="J91" s="163"/>
    </row>
    <row r="92" spans="1:10" s="73" customFormat="1" ht="10.5" x14ac:dyDescent="0.2">
      <c r="A92" s="283" t="s">
        <v>178</v>
      </c>
      <c r="B92" s="659">
        <v>15495000</v>
      </c>
      <c r="C92" s="672"/>
      <c r="D92" s="659">
        <v>37197646.969999999</v>
      </c>
      <c r="E92" s="672"/>
      <c r="F92" s="659">
        <v>35197646.969999999</v>
      </c>
      <c r="G92" s="672"/>
      <c r="H92" s="659">
        <v>16355490.75</v>
      </c>
      <c r="I92" s="660"/>
      <c r="J92" s="163"/>
    </row>
    <row r="93" spans="1:10" ht="10.5" x14ac:dyDescent="0.2">
      <c r="A93" s="283" t="s">
        <v>146</v>
      </c>
      <c r="B93" s="659">
        <v>13495000</v>
      </c>
      <c r="C93" s="672"/>
      <c r="D93" s="659">
        <v>35197646.969999999</v>
      </c>
      <c r="E93" s="672"/>
      <c r="F93" s="659">
        <v>35197646.969999999</v>
      </c>
      <c r="G93" s="672"/>
      <c r="H93" s="659">
        <v>16355490.75</v>
      </c>
      <c r="I93" s="660"/>
    </row>
    <row r="94" spans="1:10" ht="10.5" x14ac:dyDescent="0.2">
      <c r="A94" s="283" t="s">
        <v>283</v>
      </c>
      <c r="B94" s="659">
        <v>9495000</v>
      </c>
      <c r="C94" s="672"/>
      <c r="D94" s="659">
        <v>28082655.219999999</v>
      </c>
      <c r="E94" s="672"/>
      <c r="F94" s="659">
        <v>28082655.219999999</v>
      </c>
      <c r="G94" s="672"/>
      <c r="H94" s="659">
        <v>15969580.74</v>
      </c>
      <c r="I94" s="660"/>
    </row>
    <row r="95" spans="1:10" ht="10.5" x14ac:dyDescent="0.2">
      <c r="A95" s="283" t="s">
        <v>129</v>
      </c>
      <c r="B95" s="659">
        <v>9495000</v>
      </c>
      <c r="C95" s="672"/>
      <c r="D95" s="659">
        <v>28082655.219999999</v>
      </c>
      <c r="E95" s="672"/>
      <c r="F95" s="659">
        <v>28082655.219999999</v>
      </c>
      <c r="G95" s="672"/>
      <c r="H95" s="659">
        <v>15969580.74</v>
      </c>
      <c r="I95" s="660"/>
    </row>
    <row r="96" spans="1:10" ht="10.5" x14ac:dyDescent="0.2">
      <c r="A96" s="283" t="s">
        <v>130</v>
      </c>
      <c r="B96" s="659">
        <v>0</v>
      </c>
      <c r="C96" s="672"/>
      <c r="D96" s="659">
        <v>0</v>
      </c>
      <c r="E96" s="672"/>
      <c r="F96" s="659"/>
      <c r="G96" s="672"/>
      <c r="H96" s="659">
        <v>0</v>
      </c>
      <c r="I96" s="660"/>
    </row>
    <row r="97" spans="1:10" ht="10.5" x14ac:dyDescent="0.2">
      <c r="A97" s="283" t="s">
        <v>131</v>
      </c>
      <c r="B97" s="659">
        <v>0</v>
      </c>
      <c r="C97" s="672"/>
      <c r="D97" s="659">
        <v>0</v>
      </c>
      <c r="E97" s="672"/>
      <c r="F97" s="659"/>
      <c r="G97" s="672"/>
      <c r="H97" s="659">
        <v>0</v>
      </c>
      <c r="I97" s="660"/>
    </row>
    <row r="98" spans="1:10" ht="10.5" x14ac:dyDescent="0.2">
      <c r="A98" s="283" t="s">
        <v>284</v>
      </c>
      <c r="B98" s="659">
        <v>4000000</v>
      </c>
      <c r="C98" s="672"/>
      <c r="D98" s="659">
        <v>7114991.75</v>
      </c>
      <c r="E98" s="672"/>
      <c r="F98" s="659">
        <v>7114991.75</v>
      </c>
      <c r="G98" s="672"/>
      <c r="H98" s="659">
        <v>385910.01</v>
      </c>
      <c r="I98" s="660"/>
    </row>
    <row r="99" spans="1:10" ht="10.5" x14ac:dyDescent="0.2">
      <c r="A99" s="283" t="s">
        <v>132</v>
      </c>
      <c r="B99" s="659">
        <v>4000000</v>
      </c>
      <c r="C99" s="672"/>
      <c r="D99" s="659">
        <v>7114991.75</v>
      </c>
      <c r="E99" s="672"/>
      <c r="F99" s="659">
        <v>7114991.75</v>
      </c>
      <c r="G99" s="672"/>
      <c r="H99" s="659">
        <v>385910.01</v>
      </c>
      <c r="I99" s="660"/>
    </row>
    <row r="100" spans="1:10" ht="10.5" x14ac:dyDescent="0.2">
      <c r="A100" s="283" t="s">
        <v>133</v>
      </c>
      <c r="B100" s="659">
        <v>0</v>
      </c>
      <c r="C100" s="672"/>
      <c r="D100" s="659">
        <v>0</v>
      </c>
      <c r="E100" s="672"/>
      <c r="F100" s="659"/>
      <c r="G100" s="672"/>
      <c r="H100" s="659">
        <v>0</v>
      </c>
      <c r="I100" s="660"/>
    </row>
    <row r="101" spans="1:10" ht="10.5" x14ac:dyDescent="0.2">
      <c r="A101" s="283" t="s">
        <v>749</v>
      </c>
      <c r="B101" s="659">
        <v>0</v>
      </c>
      <c r="C101" s="672"/>
      <c r="D101" s="659">
        <v>0</v>
      </c>
      <c r="E101" s="672"/>
      <c r="F101" s="659"/>
      <c r="G101" s="672"/>
      <c r="H101" s="659">
        <v>0</v>
      </c>
      <c r="I101" s="660"/>
    </row>
    <row r="102" spans="1:10" ht="10.5" x14ac:dyDescent="0.2">
      <c r="A102" s="283" t="s">
        <v>770</v>
      </c>
      <c r="B102" s="659">
        <v>2000000</v>
      </c>
      <c r="C102" s="672"/>
      <c r="D102" s="659">
        <v>2000000</v>
      </c>
      <c r="E102" s="672"/>
      <c r="F102" s="659">
        <v>0</v>
      </c>
      <c r="G102" s="672"/>
      <c r="H102" s="659">
        <v>0</v>
      </c>
      <c r="I102" s="660"/>
    </row>
    <row r="103" spans="1:10" ht="10.5" x14ac:dyDescent="0.2">
      <c r="A103" s="283" t="s">
        <v>771</v>
      </c>
      <c r="B103" s="659">
        <v>0</v>
      </c>
      <c r="C103" s="672"/>
      <c r="D103" s="659">
        <v>0</v>
      </c>
      <c r="E103" s="672"/>
      <c r="F103" s="659"/>
      <c r="G103" s="672"/>
      <c r="H103" s="659">
        <v>0</v>
      </c>
      <c r="I103" s="660"/>
    </row>
    <row r="104" spans="1:10" ht="10.5" x14ac:dyDescent="0.2">
      <c r="A104" s="283" t="s">
        <v>179</v>
      </c>
      <c r="B104" s="659">
        <v>0</v>
      </c>
      <c r="C104" s="672"/>
      <c r="D104" s="659">
        <v>0</v>
      </c>
      <c r="E104" s="672"/>
      <c r="F104" s="659"/>
      <c r="G104" s="672"/>
      <c r="H104" s="659">
        <v>0</v>
      </c>
      <c r="I104" s="660"/>
    </row>
    <row r="105" spans="1:10" ht="10.5" x14ac:dyDescent="0.2">
      <c r="A105" s="283" t="s">
        <v>186</v>
      </c>
      <c r="B105" s="659">
        <v>0</v>
      </c>
      <c r="C105" s="672"/>
      <c r="D105" s="659">
        <v>0</v>
      </c>
      <c r="E105" s="672"/>
      <c r="F105" s="659"/>
      <c r="G105" s="672"/>
      <c r="H105" s="659">
        <v>0</v>
      </c>
      <c r="I105" s="660"/>
    </row>
    <row r="106" spans="1:10" ht="10.5" x14ac:dyDescent="0.2">
      <c r="A106" s="283" t="s">
        <v>183</v>
      </c>
      <c r="B106" s="659">
        <v>0</v>
      </c>
      <c r="C106" s="672"/>
      <c r="D106" s="659">
        <v>0</v>
      </c>
      <c r="E106" s="672"/>
      <c r="F106" s="659">
        <v>0</v>
      </c>
      <c r="G106" s="672"/>
      <c r="H106" s="659">
        <v>0</v>
      </c>
      <c r="I106" s="660"/>
    </row>
    <row r="107" spans="1:10" s="73" customFormat="1" ht="10.5" x14ac:dyDescent="0.2">
      <c r="A107" s="73" t="s">
        <v>148</v>
      </c>
      <c r="B107" s="659">
        <v>0</v>
      </c>
      <c r="C107" s="672">
        <v>0</v>
      </c>
      <c r="D107" s="659">
        <v>0</v>
      </c>
      <c r="E107" s="672"/>
      <c r="F107" s="659">
        <v>0</v>
      </c>
      <c r="G107" s="672"/>
      <c r="H107" s="659">
        <v>0</v>
      </c>
      <c r="I107" s="660"/>
      <c r="J107" s="163"/>
    </row>
    <row r="108" spans="1:10" ht="10.5" x14ac:dyDescent="0.2">
      <c r="A108" s="130" t="s">
        <v>120</v>
      </c>
      <c r="B108" s="659">
        <v>0</v>
      </c>
      <c r="C108" s="672"/>
      <c r="D108" s="659">
        <v>0</v>
      </c>
      <c r="E108" s="672"/>
      <c r="F108" s="659"/>
      <c r="G108" s="672"/>
      <c r="H108" s="659">
        <v>0</v>
      </c>
      <c r="I108" s="660"/>
    </row>
    <row r="109" spans="1:10" ht="10.5" x14ac:dyDescent="0.2">
      <c r="A109" s="283" t="s">
        <v>228</v>
      </c>
      <c r="B109" s="659">
        <v>0</v>
      </c>
      <c r="C109" s="672"/>
      <c r="D109" s="659">
        <v>0</v>
      </c>
      <c r="E109" s="672"/>
      <c r="F109" s="659"/>
      <c r="G109" s="672"/>
      <c r="H109" s="659">
        <v>0</v>
      </c>
      <c r="I109" s="660"/>
    </row>
    <row r="110" spans="1:10" ht="10.5" x14ac:dyDescent="0.2">
      <c r="A110" s="130" t="s">
        <v>286</v>
      </c>
      <c r="B110" s="659">
        <v>0</v>
      </c>
      <c r="C110" s="672"/>
      <c r="D110" s="659">
        <v>0</v>
      </c>
      <c r="E110" s="672"/>
      <c r="F110" s="659"/>
      <c r="G110" s="672"/>
      <c r="H110" s="659">
        <v>0</v>
      </c>
      <c r="I110" s="660"/>
    </row>
    <row r="111" spans="1:10" s="160" customFormat="1" ht="10.5" x14ac:dyDescent="0.2">
      <c r="A111" s="73"/>
      <c r="B111" s="659"/>
      <c r="C111" s="672"/>
      <c r="D111" s="710"/>
      <c r="E111" s="723"/>
      <c r="F111" s="710"/>
      <c r="G111" s="723"/>
      <c r="H111" s="710"/>
      <c r="I111" s="711"/>
      <c r="J111" s="225"/>
    </row>
    <row r="112" spans="1:10" s="169" customFormat="1" ht="21.75" customHeight="1" x14ac:dyDescent="0.2">
      <c r="A112" s="170" t="s">
        <v>769</v>
      </c>
      <c r="B112" s="669">
        <v>15495000</v>
      </c>
      <c r="C112" s="670"/>
      <c r="D112" s="669">
        <v>37197646.969999999</v>
      </c>
      <c r="E112" s="670"/>
      <c r="F112" s="669">
        <v>35197646.969999999</v>
      </c>
      <c r="G112" s="708"/>
      <c r="H112" s="669">
        <v>16355490.75</v>
      </c>
      <c r="I112" s="708"/>
      <c r="J112" s="433"/>
    </row>
    <row r="113" spans="1:10" ht="10.5" x14ac:dyDescent="0.15">
      <c r="A113" s="204"/>
      <c r="B113" s="205"/>
      <c r="C113" s="205"/>
      <c r="D113" s="206"/>
      <c r="E113" s="206"/>
      <c r="F113" s="206"/>
      <c r="G113" s="207"/>
      <c r="H113" s="207"/>
      <c r="I113" s="207"/>
    </row>
    <row r="114" spans="1:10" ht="33" customHeight="1" x14ac:dyDescent="0.15">
      <c r="A114" s="200"/>
      <c r="B114" s="208" t="s">
        <v>157</v>
      </c>
      <c r="C114" s="208" t="s">
        <v>157</v>
      </c>
      <c r="D114" s="690" t="s">
        <v>158</v>
      </c>
      <c r="E114" s="692"/>
      <c r="F114" s="755" t="s">
        <v>159</v>
      </c>
      <c r="G114" s="756"/>
      <c r="H114" s="755" t="s">
        <v>348</v>
      </c>
      <c r="I114" s="757"/>
    </row>
    <row r="115" spans="1:10" ht="15" customHeight="1" x14ac:dyDescent="0.2">
      <c r="A115" s="202" t="s">
        <v>149</v>
      </c>
      <c r="B115" s="767" t="s">
        <v>111</v>
      </c>
      <c r="C115" s="767" t="s">
        <v>112</v>
      </c>
      <c r="D115" s="324" t="s">
        <v>115</v>
      </c>
      <c r="E115" s="324" t="s">
        <v>115</v>
      </c>
      <c r="F115" s="324" t="s">
        <v>115</v>
      </c>
      <c r="G115" s="324" t="s">
        <v>115</v>
      </c>
      <c r="H115" s="751" t="s">
        <v>746</v>
      </c>
      <c r="I115" s="753" t="s">
        <v>747</v>
      </c>
    </row>
    <row r="116" spans="1:10" ht="15" customHeight="1" x14ac:dyDescent="0.2">
      <c r="A116" s="201"/>
      <c r="B116" s="743"/>
      <c r="C116" s="743"/>
      <c r="D116" s="329">
        <v>2015</v>
      </c>
      <c r="E116" s="328">
        <v>2014</v>
      </c>
      <c r="F116" s="329">
        <v>2015</v>
      </c>
      <c r="G116" s="328">
        <v>2014</v>
      </c>
      <c r="H116" s="752"/>
      <c r="I116" s="754"/>
    </row>
    <row r="117" spans="1:10" s="73" customFormat="1" ht="12.75" customHeight="1" x14ac:dyDescent="0.2">
      <c r="A117" s="168" t="s">
        <v>150</v>
      </c>
      <c r="B117" s="557">
        <v>0</v>
      </c>
      <c r="C117" s="557">
        <v>0</v>
      </c>
      <c r="D117" s="557">
        <v>0</v>
      </c>
      <c r="E117" s="557">
        <v>0</v>
      </c>
      <c r="F117" s="557">
        <v>0</v>
      </c>
      <c r="G117" s="557">
        <v>0</v>
      </c>
      <c r="H117" s="557">
        <v>0</v>
      </c>
      <c r="I117" s="558">
        <v>0</v>
      </c>
      <c r="J117" s="163"/>
    </row>
    <row r="118" spans="1:10" ht="10.5" x14ac:dyDescent="0.2">
      <c r="A118" s="31" t="s">
        <v>204</v>
      </c>
      <c r="B118" s="451"/>
      <c r="C118" s="451"/>
      <c r="D118" s="451"/>
      <c r="E118" s="451"/>
      <c r="F118" s="451"/>
      <c r="G118" s="451"/>
      <c r="H118" s="451"/>
      <c r="I118" s="555"/>
    </row>
    <row r="119" spans="1:10" ht="10.5" x14ac:dyDescent="0.2">
      <c r="A119" s="32" t="s">
        <v>205</v>
      </c>
      <c r="B119" s="451"/>
      <c r="C119" s="451"/>
      <c r="D119" s="451"/>
      <c r="E119" s="451"/>
      <c r="F119" s="451"/>
      <c r="G119" s="451"/>
      <c r="H119" s="451"/>
      <c r="I119" s="555"/>
    </row>
    <row r="120" spans="1:10" s="73" customFormat="1" ht="15" customHeight="1" x14ac:dyDescent="0.2">
      <c r="A120" s="16" t="s">
        <v>151</v>
      </c>
      <c r="B120" s="384">
        <v>0</v>
      </c>
      <c r="C120" s="384">
        <v>0</v>
      </c>
      <c r="D120" s="384">
        <v>0</v>
      </c>
      <c r="E120" s="384">
        <v>0</v>
      </c>
      <c r="F120" s="384">
        <v>0</v>
      </c>
      <c r="G120" s="384">
        <v>0</v>
      </c>
      <c r="H120" s="384">
        <v>0</v>
      </c>
      <c r="I120" s="385">
        <v>0</v>
      </c>
      <c r="J120" s="163"/>
    </row>
    <row r="121" spans="1:10" ht="14.25" customHeight="1" x14ac:dyDescent="0.2">
      <c r="A121" s="190" t="s">
        <v>865</v>
      </c>
      <c r="B121" s="162"/>
      <c r="C121" s="162"/>
      <c r="D121" s="162"/>
      <c r="E121" s="162"/>
      <c r="I121" s="314"/>
    </row>
    <row r="122" spans="1:10" s="22" customFormat="1" ht="11.25" customHeight="1" x14ac:dyDescent="0.2">
      <c r="A122" s="225"/>
      <c r="J122" s="225"/>
    </row>
    <row r="124" spans="1:10" s="283" customFormat="1" ht="11.25" customHeight="1" x14ac:dyDescent="0.2">
      <c r="J124" s="225"/>
    </row>
    <row r="125" spans="1:10" s="283" customFormat="1" ht="11.25" customHeight="1" x14ac:dyDescent="0.2">
      <c r="J125" s="225"/>
    </row>
    <row r="128" spans="1:10" ht="11.25" customHeight="1" x14ac:dyDescent="0.2">
      <c r="A128" s="283"/>
      <c r="B128" s="283"/>
      <c r="C128" s="283"/>
      <c r="D128" s="283"/>
      <c r="E128" s="283"/>
      <c r="F128" s="283"/>
      <c r="G128" s="283"/>
      <c r="H128" s="283"/>
      <c r="I128" s="283"/>
    </row>
    <row r="130" s="51" customFormat="1" ht="11.25" customHeight="1" x14ac:dyDescent="0.2"/>
    <row r="131" s="51" customFormat="1" ht="11.25" customHeight="1" x14ac:dyDescent="0.2"/>
    <row r="132" s="51" customFormat="1" ht="11.25" customHeight="1" x14ac:dyDescent="0.2"/>
    <row r="133" s="51" customFormat="1" ht="11.25" customHeight="1" x14ac:dyDescent="0.2"/>
    <row r="134" s="51" customFormat="1" ht="11.25" customHeight="1" x14ac:dyDescent="0.2"/>
    <row r="135" s="51" customFormat="1" ht="11.25" customHeight="1" x14ac:dyDescent="0.2"/>
    <row r="136" s="51" customFormat="1" ht="11.25" customHeight="1" x14ac:dyDescent="0.2"/>
  </sheetData>
  <dataConsolidate/>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47" orientation="portrait" r:id="rId1"/>
      <headerFooter alignWithMargins="0"/>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48" orientation="portrait" r:id="rId2"/>
      <headerFooter alignWithMargins="0"/>
    </customSheetView>
    <customSheetView guid="{6DBFA32C-4AA4-4E1D-9A48-697377C64CC3}" showGridLines="0" fitToPage="1">
      <selection activeCell="M83" sqref="M83"/>
      <pageMargins left="0.19685039370078741" right="0.19685039370078741" top="0.59055118110236227" bottom="0.19685039370078741" header="0" footer="0"/>
      <printOptions horizontalCentered="1"/>
      <pageSetup paperSize="9" scale="48" orientation="portrait" r:id="rId3"/>
      <headerFooter alignWithMargins="0"/>
    </customSheetView>
    <customSheetView guid="{25EF1E0D-169B-4051-B414-7E1196FC05E4}" showGridLines="0" fitToPage="1" topLeftCell="A67">
      <selection activeCell="D86" sqref="D86:F86"/>
      <pageMargins left="0.19685039370078741" right="0.19685039370078741" top="0.19685039370078741" bottom="0.19685039370078741" header="0" footer="0"/>
      <printOptions horizontalCentered="1"/>
      <pageSetup paperSize="9" scale="47"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3AAF6A5F-F9AA-430B-9AD9-1261ECDF41B5}" showPageBreaks="1" showGridLines="0" fitToPage="1" printArea="1">
      <selection activeCell="M83" sqref="M83"/>
      <pageMargins left="0.19685039370078741" right="0.19685039370078741" top="0.59055118110236227" bottom="0.19685039370078741" header="0" footer="0"/>
      <printOptions horizontalCentered="1"/>
      <pageSetup paperSize="9" scale="47" orientation="portrait" r:id="rId7"/>
      <headerFooter alignWithMargins="0"/>
    </customSheetView>
  </customSheetViews>
  <mergeCells count="304">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9:C79"/>
    <mergeCell ref="D79:I79"/>
    <mergeCell ref="A81:C82"/>
    <mergeCell ref="D81:I81"/>
    <mergeCell ref="D82:F82"/>
    <mergeCell ref="G82:I82"/>
    <mergeCell ref="A86:C86"/>
    <mergeCell ref="D86:F86"/>
    <mergeCell ref="G86:I86"/>
    <mergeCell ref="B75:C75"/>
    <mergeCell ref="D75:E75"/>
    <mergeCell ref="F75:G75"/>
    <mergeCell ref="H75:I75"/>
    <mergeCell ref="B76:C76"/>
    <mergeCell ref="D76:E76"/>
    <mergeCell ref="F76:G76"/>
    <mergeCell ref="H76:I76"/>
    <mergeCell ref="A78:C78"/>
    <mergeCell ref="D78:I78"/>
    <mergeCell ref="B72:C72"/>
    <mergeCell ref="D72:E72"/>
    <mergeCell ref="F72:G72"/>
    <mergeCell ref="H72:I72"/>
    <mergeCell ref="B73:C73"/>
    <mergeCell ref="D73:E73"/>
    <mergeCell ref="F73:G73"/>
    <mergeCell ref="H73:I73"/>
    <mergeCell ref="B74:C74"/>
    <mergeCell ref="D74:E74"/>
    <mergeCell ref="F74:G74"/>
    <mergeCell ref="H74:I74"/>
    <mergeCell ref="B69:C69"/>
    <mergeCell ref="D69:E69"/>
    <mergeCell ref="F69:G69"/>
    <mergeCell ref="H69:I69"/>
    <mergeCell ref="B70:C70"/>
    <mergeCell ref="D70:E70"/>
    <mergeCell ref="F70:G70"/>
    <mergeCell ref="H70:I70"/>
    <mergeCell ref="B71:C71"/>
    <mergeCell ref="D71:E71"/>
    <mergeCell ref="F71:G71"/>
    <mergeCell ref="H71:I71"/>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A65:A67"/>
    <mergeCell ref="H41:I41"/>
    <mergeCell ref="F41:G41"/>
    <mergeCell ref="D41:E41"/>
    <mergeCell ref="B37:C37"/>
    <mergeCell ref="D37:E37"/>
    <mergeCell ref="F37:G37"/>
    <mergeCell ref="H37:I37"/>
    <mergeCell ref="B38:C38"/>
    <mergeCell ref="D38:E38"/>
    <mergeCell ref="F38:G38"/>
    <mergeCell ref="A41:A43"/>
    <mergeCell ref="H67:I67"/>
    <mergeCell ref="F31:G31"/>
    <mergeCell ref="H31:I31"/>
    <mergeCell ref="B32:C32"/>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8"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92D050"/>
    <pageSetUpPr fitToPage="1"/>
  </sheetPr>
  <dimension ref="A1:G60"/>
  <sheetViews>
    <sheetView showGridLines="0" zoomScaleNormal="100" workbookViewId="0"/>
  </sheetViews>
  <sheetFormatPr defaultRowHeight="11.25" customHeight="1" x14ac:dyDescent="0.2"/>
  <cols>
    <col min="1" max="1" width="65.140625" style="178" customWidth="1"/>
    <col min="2" max="6" width="14.140625" style="178" customWidth="1"/>
    <col min="7" max="7" width="16.42578125" style="178" customWidth="1"/>
    <col min="8" max="16384" width="9.140625" style="178"/>
  </cols>
  <sheetData>
    <row r="1" spans="1:7" s="28" customFormat="1" ht="10.5" x14ac:dyDescent="0.2">
      <c r="A1" s="312"/>
      <c r="B1" s="312"/>
      <c r="C1" s="312"/>
      <c r="D1" s="312"/>
      <c r="E1" s="312"/>
      <c r="F1" s="312"/>
      <c r="G1" s="312"/>
    </row>
    <row r="2" spans="1:7" s="28" customFormat="1" ht="10.5" x14ac:dyDescent="0.2">
      <c r="D2" s="120"/>
      <c r="E2" s="120"/>
    </row>
    <row r="3" spans="1:7" s="51" customFormat="1" ht="10.5" x14ac:dyDescent="0.2">
      <c r="A3" s="681" t="s">
        <v>641</v>
      </c>
      <c r="B3" s="681"/>
      <c r="C3" s="681"/>
      <c r="D3" s="681"/>
      <c r="E3" s="681"/>
      <c r="F3" s="681"/>
      <c r="G3" s="681"/>
    </row>
    <row r="4" spans="1:7" s="51" customFormat="1" ht="10.5" x14ac:dyDescent="0.2">
      <c r="A4" s="681" t="s">
        <v>105</v>
      </c>
      <c r="B4" s="681"/>
      <c r="C4" s="681"/>
      <c r="D4" s="681"/>
      <c r="E4" s="681"/>
      <c r="F4" s="681"/>
      <c r="G4" s="681"/>
    </row>
    <row r="5" spans="1:7" s="51" customFormat="1" ht="10.5" x14ac:dyDescent="0.2">
      <c r="A5" s="681" t="s">
        <v>555</v>
      </c>
      <c r="B5" s="681"/>
      <c r="C5" s="681"/>
      <c r="D5" s="681"/>
      <c r="E5" s="681"/>
      <c r="F5" s="681"/>
      <c r="G5" s="681"/>
    </row>
    <row r="6" spans="1:7" s="51" customFormat="1" ht="10.5" x14ac:dyDescent="0.2">
      <c r="A6" s="681" t="s">
        <v>107</v>
      </c>
      <c r="B6" s="681"/>
      <c r="C6" s="681"/>
      <c r="D6" s="681"/>
      <c r="E6" s="681"/>
      <c r="F6" s="681"/>
      <c r="G6" s="681"/>
    </row>
    <row r="7" spans="1:7" s="51" customFormat="1" ht="10.5" x14ac:dyDescent="0.2">
      <c r="A7" s="681" t="s">
        <v>872</v>
      </c>
      <c r="B7" s="681"/>
      <c r="C7" s="681"/>
      <c r="D7" s="681"/>
      <c r="E7" s="681"/>
      <c r="F7" s="681"/>
      <c r="G7" s="681"/>
    </row>
    <row r="8" spans="1:7" s="28" customFormat="1" ht="10.5" x14ac:dyDescent="0.2">
      <c r="A8" s="52"/>
      <c r="B8" s="52"/>
      <c r="C8" s="52"/>
      <c r="D8" s="52"/>
      <c r="E8" s="52"/>
      <c r="F8" s="52"/>
      <c r="G8" s="52"/>
    </row>
    <row r="9" spans="1:7" s="28" customFormat="1" ht="10.5" x14ac:dyDescent="0.2">
      <c r="A9" s="28" t="s">
        <v>556</v>
      </c>
      <c r="D9" s="139"/>
      <c r="E9" s="120"/>
      <c r="G9" s="236">
        <v>1</v>
      </c>
    </row>
    <row r="10" spans="1:7" s="73" customFormat="1" ht="15" customHeight="1" x14ac:dyDescent="0.2">
      <c r="A10" s="741" t="s">
        <v>557</v>
      </c>
      <c r="B10" s="755" t="s">
        <v>161</v>
      </c>
      <c r="C10" s="757"/>
      <c r="D10" s="757"/>
      <c r="E10" s="757"/>
      <c r="F10" s="757"/>
      <c r="G10" s="757"/>
    </row>
    <row r="11" spans="1:7" s="73" customFormat="1" ht="15" customHeight="1" x14ac:dyDescent="0.2">
      <c r="A11" s="744"/>
      <c r="B11" s="739" t="s">
        <v>767</v>
      </c>
      <c r="C11" s="741"/>
      <c r="D11" s="684" t="s">
        <v>882</v>
      </c>
      <c r="E11" s="812"/>
      <c r="F11" s="684" t="s">
        <v>883</v>
      </c>
      <c r="G11" s="812"/>
    </row>
    <row r="12" spans="1:7" s="73" customFormat="1" ht="15" customHeight="1" x14ac:dyDescent="0.2">
      <c r="A12" s="745"/>
      <c r="B12" s="754" t="s">
        <v>116</v>
      </c>
      <c r="C12" s="763"/>
      <c r="D12" s="813" t="s">
        <v>117</v>
      </c>
      <c r="E12" s="698"/>
      <c r="F12" s="697" t="s">
        <v>152</v>
      </c>
      <c r="G12" s="813"/>
    </row>
    <row r="13" spans="1:7" s="73" customFormat="1" ht="10.5" x14ac:dyDescent="0.2">
      <c r="A13" s="163" t="s">
        <v>558</v>
      </c>
      <c r="B13" s="679">
        <v>8602359025.3500004</v>
      </c>
      <c r="C13" s="680"/>
      <c r="D13" s="679">
        <v>8978267911.7399998</v>
      </c>
      <c r="E13" s="680"/>
      <c r="F13" s="679">
        <v>9011713709.960001</v>
      </c>
      <c r="G13" s="709"/>
    </row>
    <row r="14" spans="1:7" s="73" customFormat="1" ht="10.5" x14ac:dyDescent="0.2">
      <c r="A14" s="163" t="s">
        <v>184</v>
      </c>
      <c r="B14" s="665">
        <v>609938356.01999998</v>
      </c>
      <c r="C14" s="676"/>
      <c r="D14" s="665">
        <v>953817822.3499999</v>
      </c>
      <c r="E14" s="676"/>
      <c r="F14" s="665">
        <v>1717788869.1800001</v>
      </c>
      <c r="G14" s="666"/>
    </row>
    <row r="15" spans="1:7" ht="10.5" x14ac:dyDescent="0.2">
      <c r="A15" s="177" t="s">
        <v>559</v>
      </c>
      <c r="B15" s="659">
        <v>755342169.38999999</v>
      </c>
      <c r="C15" s="672"/>
      <c r="D15" s="659">
        <v>1011365153.54</v>
      </c>
      <c r="E15" s="672"/>
      <c r="F15" s="659">
        <v>1756870469.5</v>
      </c>
      <c r="G15" s="660"/>
    </row>
    <row r="16" spans="1:7" ht="10.5" x14ac:dyDescent="0.2">
      <c r="A16" s="177" t="s">
        <v>560</v>
      </c>
      <c r="B16" s="659">
        <v>0</v>
      </c>
      <c r="C16" s="672"/>
      <c r="D16" s="659">
        <v>0</v>
      </c>
      <c r="E16" s="672"/>
      <c r="F16" s="659">
        <v>0</v>
      </c>
      <c r="G16" s="660"/>
    </row>
    <row r="17" spans="1:7" ht="10.5" x14ac:dyDescent="0.2">
      <c r="A17" s="177" t="s">
        <v>561</v>
      </c>
      <c r="B17" s="659">
        <v>145403813.37</v>
      </c>
      <c r="C17" s="672"/>
      <c r="D17" s="659">
        <v>57547331.189999998</v>
      </c>
      <c r="E17" s="672"/>
      <c r="F17" s="659">
        <v>39081600.32</v>
      </c>
      <c r="G17" s="660"/>
    </row>
    <row r="18" spans="1:7" s="73" customFormat="1" ht="10.5" x14ac:dyDescent="0.2">
      <c r="A18" s="163" t="s">
        <v>562</v>
      </c>
      <c r="B18" s="665">
        <v>7992420669.3299999</v>
      </c>
      <c r="C18" s="676"/>
      <c r="D18" s="665">
        <v>8024450089.3899994</v>
      </c>
      <c r="E18" s="676"/>
      <c r="F18" s="665">
        <v>7293924840.7800007</v>
      </c>
      <c r="G18" s="666"/>
    </row>
    <row r="19" spans="1:7" s="73" customFormat="1" ht="10.5" x14ac:dyDescent="0.2">
      <c r="A19" s="163" t="s">
        <v>563</v>
      </c>
      <c r="B19" s="665">
        <v>0</v>
      </c>
      <c r="C19" s="676"/>
      <c r="D19" s="665">
        <v>0</v>
      </c>
      <c r="E19" s="676"/>
      <c r="F19" s="665">
        <v>0</v>
      </c>
      <c r="G19" s="666"/>
    </row>
    <row r="20" spans="1:7" s="73" customFormat="1" ht="10.5" x14ac:dyDescent="0.2">
      <c r="A20" s="163" t="s">
        <v>564</v>
      </c>
      <c r="B20" s="665">
        <v>94123805.310000002</v>
      </c>
      <c r="C20" s="676"/>
      <c r="D20" s="665">
        <v>94169050.359999999</v>
      </c>
      <c r="E20" s="676"/>
      <c r="F20" s="661">
        <v>93677632.960000008</v>
      </c>
      <c r="G20" s="662"/>
    </row>
    <row r="21" spans="1:7" s="73" customFormat="1" ht="15" customHeight="1" x14ac:dyDescent="0.2">
      <c r="A21" s="122" t="s">
        <v>565</v>
      </c>
      <c r="B21" s="669">
        <v>7898296864.0199995</v>
      </c>
      <c r="C21" s="670"/>
      <c r="D21" s="669">
        <v>7930281039.0299997</v>
      </c>
      <c r="E21" s="670"/>
      <c r="F21" s="669">
        <v>7200247207.8200006</v>
      </c>
      <c r="G21" s="708"/>
    </row>
    <row r="22" spans="1:7" ht="10.5" x14ac:dyDescent="0.2">
      <c r="B22" s="51"/>
      <c r="C22" s="51"/>
      <c r="D22" s="51"/>
      <c r="E22" s="51"/>
      <c r="F22" s="51"/>
      <c r="G22" s="51"/>
    </row>
    <row r="23" spans="1:7" s="73" customFormat="1" ht="15" customHeight="1" x14ac:dyDescent="0.2">
      <c r="A23" s="117"/>
      <c r="B23" s="690" t="s">
        <v>208</v>
      </c>
      <c r="C23" s="691"/>
      <c r="D23" s="691"/>
      <c r="E23" s="691"/>
      <c r="F23" s="691"/>
      <c r="G23" s="691"/>
    </row>
    <row r="24" spans="1:7" s="73" customFormat="1" ht="15" customHeight="1" x14ac:dyDescent="0.2">
      <c r="A24" s="175" t="s">
        <v>566</v>
      </c>
      <c r="B24" s="172"/>
      <c r="C24" s="173" t="s">
        <v>113</v>
      </c>
      <c r="D24" s="174"/>
      <c r="E24" s="172"/>
      <c r="F24" s="173" t="s">
        <v>115</v>
      </c>
      <c r="G24" s="173"/>
    </row>
    <row r="25" spans="1:7" s="73" customFormat="1" ht="15" customHeight="1" x14ac:dyDescent="0.2">
      <c r="A25" s="56"/>
      <c r="B25" s="18"/>
      <c r="C25" s="429" t="s">
        <v>567</v>
      </c>
      <c r="D25" s="171"/>
      <c r="E25" s="18"/>
      <c r="F25" s="429" t="s">
        <v>568</v>
      </c>
      <c r="G25" s="189"/>
    </row>
    <row r="26" spans="1:7" s="73" customFormat="1" ht="15" customHeight="1" x14ac:dyDescent="0.2">
      <c r="A26" s="176" t="s">
        <v>209</v>
      </c>
      <c r="B26" s="804">
        <v>-730033831.20999908</v>
      </c>
      <c r="C26" s="805"/>
      <c r="D26" s="806"/>
      <c r="E26" s="804">
        <v>-698049656.19999886</v>
      </c>
      <c r="F26" s="805"/>
      <c r="G26" s="805"/>
    </row>
    <row r="27" spans="1:7" ht="10.5" x14ac:dyDescent="0.2">
      <c r="B27" s="51"/>
      <c r="C27" s="51"/>
      <c r="D27" s="63"/>
      <c r="E27" s="63"/>
      <c r="F27" s="51"/>
      <c r="G27" s="51"/>
    </row>
    <row r="28" spans="1:7" s="73" customFormat="1" ht="15" customHeight="1" x14ac:dyDescent="0.2">
      <c r="A28" s="740" t="s">
        <v>569</v>
      </c>
      <c r="B28" s="740"/>
      <c r="C28" s="740"/>
      <c r="D28" s="741"/>
      <c r="E28" s="753" t="s">
        <v>570</v>
      </c>
      <c r="F28" s="760"/>
      <c r="G28" s="760"/>
    </row>
    <row r="29" spans="1:7" s="73" customFormat="1" ht="15" customHeight="1" x14ac:dyDescent="0.2">
      <c r="A29" s="816" t="s">
        <v>766</v>
      </c>
      <c r="B29" s="816"/>
      <c r="C29" s="816"/>
      <c r="D29" s="817"/>
      <c r="E29" s="814">
        <v>-279873000</v>
      </c>
      <c r="F29" s="815"/>
      <c r="G29" s="815"/>
    </row>
    <row r="30" spans="1:7" ht="10.5" x14ac:dyDescent="0.2">
      <c r="A30" s="27"/>
      <c r="B30" s="27"/>
      <c r="C30" s="27"/>
      <c r="D30" s="27"/>
      <c r="E30" s="71"/>
      <c r="F30" s="71"/>
      <c r="G30" s="71"/>
    </row>
    <row r="31" spans="1:7" s="73" customFormat="1" ht="15" customHeight="1" x14ac:dyDescent="0.2">
      <c r="A31" s="691" t="s">
        <v>571</v>
      </c>
      <c r="B31" s="691"/>
      <c r="C31" s="691"/>
      <c r="D31" s="691"/>
      <c r="E31" s="691"/>
      <c r="F31" s="691"/>
      <c r="G31" s="691"/>
    </row>
    <row r="32" spans="1:7" s="73" customFormat="1" ht="15" customHeight="1" x14ac:dyDescent="0.2">
      <c r="A32" s="117"/>
      <c r="B32" s="755" t="s">
        <v>161</v>
      </c>
      <c r="C32" s="757"/>
      <c r="D32" s="757"/>
      <c r="E32" s="757"/>
      <c r="F32" s="757"/>
      <c r="G32" s="757"/>
    </row>
    <row r="33" spans="1:7" s="73" customFormat="1" ht="15" customHeight="1" x14ac:dyDescent="0.2">
      <c r="A33" s="175" t="s">
        <v>572</v>
      </c>
      <c r="B33" s="739" t="s">
        <v>767</v>
      </c>
      <c r="C33" s="741"/>
      <c r="D33" s="684" t="s">
        <v>882</v>
      </c>
      <c r="E33" s="812"/>
      <c r="F33" s="684" t="s">
        <v>883</v>
      </c>
      <c r="G33" s="812"/>
    </row>
    <row r="34" spans="1:7" s="73" customFormat="1" ht="15" customHeight="1" x14ac:dyDescent="0.2">
      <c r="A34" s="56"/>
      <c r="B34" s="754" t="s">
        <v>116</v>
      </c>
      <c r="C34" s="763"/>
      <c r="D34" s="813" t="s">
        <v>117</v>
      </c>
      <c r="E34" s="698"/>
      <c r="F34" s="697" t="s">
        <v>152</v>
      </c>
      <c r="G34" s="813"/>
    </row>
    <row r="35" spans="1:7" s="73" customFormat="1" ht="10.5" x14ac:dyDescent="0.2">
      <c r="A35" s="73" t="s">
        <v>573</v>
      </c>
      <c r="B35" s="809">
        <v>44598835.219999999</v>
      </c>
      <c r="C35" s="810"/>
      <c r="D35" s="809">
        <v>44598835.219999999</v>
      </c>
      <c r="E35" s="810"/>
      <c r="F35" s="809">
        <v>44598835.219999999</v>
      </c>
      <c r="G35" s="811"/>
    </row>
    <row r="36" spans="1:7" ht="10.5" x14ac:dyDescent="0.2">
      <c r="A36" s="178" t="s">
        <v>574</v>
      </c>
      <c r="B36" s="673">
        <v>44598835.219999999</v>
      </c>
      <c r="C36" s="674"/>
      <c r="D36" s="673">
        <v>44598835.219999999</v>
      </c>
      <c r="E36" s="674"/>
      <c r="F36" s="673">
        <v>44598835.219999999</v>
      </c>
      <c r="G36" s="808"/>
    </row>
    <row r="37" spans="1:7" ht="10.5" x14ac:dyDescent="0.2">
      <c r="A37" s="178" t="s">
        <v>575</v>
      </c>
      <c r="B37" s="673">
        <v>0</v>
      </c>
      <c r="C37" s="674"/>
      <c r="D37" s="673">
        <v>0</v>
      </c>
      <c r="E37" s="674"/>
      <c r="F37" s="673">
        <v>0</v>
      </c>
      <c r="G37" s="808"/>
    </row>
    <row r="38" spans="1:7" s="73" customFormat="1" ht="10.5" x14ac:dyDescent="0.2">
      <c r="A38" s="73" t="s">
        <v>576</v>
      </c>
      <c r="B38" s="677">
        <v>32803010.439999998</v>
      </c>
      <c r="C38" s="678"/>
      <c r="D38" s="677">
        <v>149608732.34</v>
      </c>
      <c r="E38" s="678"/>
      <c r="F38" s="677">
        <v>676227556.65999997</v>
      </c>
      <c r="G38" s="807"/>
    </row>
    <row r="39" spans="1:7" ht="10.5" x14ac:dyDescent="0.2">
      <c r="A39" s="178" t="s">
        <v>577</v>
      </c>
      <c r="B39" s="673">
        <v>564137.87</v>
      </c>
      <c r="C39" s="674"/>
      <c r="D39" s="673">
        <v>71759039.569999993</v>
      </c>
      <c r="E39" s="674"/>
      <c r="F39" s="673">
        <v>71874916.120000005</v>
      </c>
      <c r="G39" s="808"/>
    </row>
    <row r="40" spans="1:7" ht="10.5" x14ac:dyDescent="0.2">
      <c r="A40" s="178" t="s">
        <v>578</v>
      </c>
      <c r="B40" s="673">
        <v>44034697.350000001</v>
      </c>
      <c r="C40" s="674"/>
      <c r="D40" s="673">
        <v>89645517.549999997</v>
      </c>
      <c r="E40" s="674"/>
      <c r="F40" s="673">
        <v>605886098.00999999</v>
      </c>
      <c r="G40" s="808"/>
    </row>
    <row r="41" spans="1:7" ht="10.5" x14ac:dyDescent="0.2">
      <c r="A41" s="178" t="s">
        <v>560</v>
      </c>
      <c r="B41" s="673">
        <v>0</v>
      </c>
      <c r="C41" s="674"/>
      <c r="D41" s="673">
        <v>0</v>
      </c>
      <c r="E41" s="674"/>
      <c r="F41" s="673">
        <v>0</v>
      </c>
      <c r="G41" s="808"/>
    </row>
    <row r="42" spans="1:7" ht="10.5" x14ac:dyDescent="0.2">
      <c r="A42" s="178" t="s">
        <v>579</v>
      </c>
      <c r="B42" s="673">
        <v>11795824.779999999</v>
      </c>
      <c r="C42" s="674"/>
      <c r="D42" s="673">
        <v>11795824.779999999</v>
      </c>
      <c r="E42" s="674"/>
      <c r="F42" s="673">
        <v>1533457.47</v>
      </c>
      <c r="G42" s="808"/>
    </row>
    <row r="43" spans="1:7" s="73" customFormat="1" ht="12.75" customHeight="1" x14ac:dyDescent="0.2">
      <c r="A43" s="73" t="s">
        <v>580</v>
      </c>
      <c r="B43" s="677">
        <v>11795824.780000001</v>
      </c>
      <c r="C43" s="678"/>
      <c r="D43" s="677">
        <v>-105009897.12</v>
      </c>
      <c r="E43" s="678"/>
      <c r="F43" s="677">
        <v>-631628721.43999994</v>
      </c>
      <c r="G43" s="807"/>
    </row>
    <row r="44" spans="1:7" s="73" customFormat="1" ht="13.5" customHeight="1" x14ac:dyDescent="0.2">
      <c r="A44" s="73" t="s">
        <v>581</v>
      </c>
      <c r="B44" s="677"/>
      <c r="C44" s="678"/>
      <c r="D44" s="677"/>
      <c r="E44" s="678"/>
      <c r="F44" s="677"/>
      <c r="G44" s="807"/>
    </row>
    <row r="45" spans="1:7" s="73" customFormat="1" ht="15" customHeight="1" x14ac:dyDescent="0.2">
      <c r="A45" s="122" t="s">
        <v>582</v>
      </c>
      <c r="B45" s="801">
        <v>11795824.780000001</v>
      </c>
      <c r="C45" s="802"/>
      <c r="D45" s="801">
        <v>-105009897.12</v>
      </c>
      <c r="E45" s="802"/>
      <c r="F45" s="801">
        <v>-631628721.43999994</v>
      </c>
      <c r="G45" s="803"/>
    </row>
    <row r="46" spans="1:7" ht="12.75" customHeight="1" x14ac:dyDescent="0.2">
      <c r="A46" s="51" t="s">
        <v>865</v>
      </c>
      <c r="B46" s="81"/>
      <c r="C46" s="81"/>
      <c r="D46" s="81"/>
      <c r="E46" s="81"/>
      <c r="F46" s="81"/>
      <c r="G46" s="317"/>
    </row>
    <row r="47" spans="1:7" ht="11.25" customHeight="1" x14ac:dyDescent="0.2">
      <c r="A47" s="186"/>
    </row>
    <row r="50" spans="1:7" ht="11.25" customHeight="1" x14ac:dyDescent="0.2">
      <c r="A50" s="283"/>
      <c r="B50" s="283"/>
      <c r="C50" s="283"/>
      <c r="D50" s="283"/>
      <c r="E50" s="283"/>
      <c r="F50" s="283"/>
      <c r="G50" s="283"/>
    </row>
    <row r="54" spans="1:7" s="51" customFormat="1" ht="11.25" customHeight="1" x14ac:dyDescent="0.2"/>
    <row r="55" spans="1:7" s="51" customFormat="1" ht="11.25" customHeight="1" x14ac:dyDescent="0.2"/>
    <row r="56" spans="1:7" s="51" customFormat="1" ht="11.25" customHeight="1" x14ac:dyDescent="0.2"/>
    <row r="57" spans="1:7" s="51" customFormat="1" ht="11.25" customHeight="1" x14ac:dyDescent="0.2"/>
    <row r="58" spans="1:7" s="51" customFormat="1" ht="11.25" customHeight="1" x14ac:dyDescent="0.2"/>
    <row r="59" spans="1:7" s="51" customFormat="1" ht="11.25" customHeight="1" x14ac:dyDescent="0.2"/>
    <row r="60" spans="1:7" s="51" customFormat="1" ht="11.25" customHeight="1" x14ac:dyDescent="0.2"/>
  </sheetData>
  <customSheetViews>
    <customSheetView guid="{C779D862-DE28-46CD-A428-4AAA1056D1E1}" showPageBreaks="1" showGridLines="0" fitToPage="1" printArea="1">
      <selection activeCell="I70" sqref="I70:J70"/>
      <pageMargins left="0.19685039370078741" right="0.19685039370078741" top="0.59055118110236227" bottom="0.19685039370078741" header="0" footer="0"/>
      <printOptions horizontalCentered="1"/>
      <pageSetup paperSize="9" scale="66" orientation="portrait" r:id="rId1"/>
      <headerFooter alignWithMargins="0"/>
    </customSheetView>
    <customSheetView guid="{82EDB5A4-4824-4632-A540-7A52C92F04C7}" showPageBreaks="1" showGridLines="0" fitToPage="1" printArea="1" topLeftCell="A26">
      <selection activeCell="F38" sqref="F38:G38"/>
      <pageMargins left="0.19685039370078741" right="0.19685039370078741" top="0.59055118110236227" bottom="0.19685039370078741" header="0" footer="0"/>
      <printOptions horizontalCentered="1"/>
      <pageSetup paperSize="9" scale="67" orientation="portrait" r:id="rId2"/>
      <headerFooter alignWithMargins="0"/>
    </customSheetView>
    <customSheetView guid="{6DBFA32C-4AA4-4E1D-9A48-697377C64CC3}" showGridLines="0" fitToPage="1" topLeftCell="B7">
      <selection activeCell="J31" sqref="J31"/>
      <pageMargins left="0.19685039370078741" right="0.19685039370078741" top="0.59055118110236227" bottom="0.19685039370078741" header="0" footer="0"/>
      <printOptions horizontalCentered="1"/>
      <pageSetup paperSize="9" scale="67" orientation="portrait" r:id="rId3"/>
      <headerFooter alignWithMargins="0"/>
    </customSheetView>
    <customSheetView guid="{25EF1E0D-169B-4051-B414-7E1196FC05E4}" showGridLines="0" fitToPage="1" topLeftCell="A34">
      <selection activeCell="F43" sqref="F43:G43"/>
      <pageMargins left="0.19685039370078741" right="0.19685039370078741" top="0.19685039370078741" bottom="0.19685039370078741" header="0.51181102362204722" footer="0"/>
      <printOptions horizontalCentered="1"/>
      <pageSetup paperSize="9" scale="66" orientation="portrait"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3AAF6A5F-F9AA-430B-9AD9-1261ECDF41B5}" showPageBreaks="1" showGridLines="0" fitToPage="1" printArea="1" topLeftCell="B4">
      <selection activeCell="I21" sqref="I21"/>
      <pageMargins left="0.19685039370078741" right="0.19685039370078741" top="0.59055118110236227" bottom="0.19685039370078741" header="0" footer="0"/>
      <printOptions horizontalCentered="1"/>
      <pageSetup paperSize="9" scale="66" orientation="portrait" r:id="rId7"/>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92D050"/>
    <pageSetUpPr fitToPage="1"/>
  </sheetPr>
  <dimension ref="A1:L88"/>
  <sheetViews>
    <sheetView showGridLines="0" zoomScaleNormal="100" workbookViewId="0"/>
  </sheetViews>
  <sheetFormatPr defaultColWidth="9.140625" defaultRowHeight="11.25" customHeight="1" x14ac:dyDescent="0.2"/>
  <cols>
    <col min="1" max="1" width="59.28515625" style="21" customWidth="1"/>
    <col min="2" max="2" width="20.5703125" style="21" bestFit="1" customWidth="1"/>
    <col min="3" max="3" width="20.28515625" style="224" bestFit="1" customWidth="1"/>
    <col min="4" max="4" width="19.85546875" style="21" customWidth="1"/>
    <col min="5" max="5" width="20.140625" style="21" bestFit="1" customWidth="1"/>
    <col min="6" max="6" width="19.5703125" style="21" bestFit="1" customWidth="1"/>
    <col min="7" max="8" width="16.7109375" style="21" customWidth="1"/>
    <col min="9" max="9" width="9.140625" style="21"/>
    <col min="10" max="10" width="19" style="21" bestFit="1" customWidth="1"/>
    <col min="11" max="16384" width="9.140625" style="21"/>
  </cols>
  <sheetData>
    <row r="1" spans="1:12" s="52" customFormat="1" ht="11.25" customHeight="1" x14ac:dyDescent="0.2">
      <c r="A1" s="312"/>
      <c r="B1" s="312"/>
      <c r="C1" s="312"/>
      <c r="D1" s="312"/>
      <c r="E1" s="312"/>
      <c r="F1" s="312"/>
      <c r="G1" s="312"/>
      <c r="H1" s="312"/>
    </row>
    <row r="2" spans="1:12" s="52" customFormat="1" ht="11.25" customHeight="1" x14ac:dyDescent="0.2">
      <c r="A2" s="28"/>
      <c r="B2" s="28"/>
      <c r="C2" s="120"/>
      <c r="D2" s="28"/>
    </row>
    <row r="3" spans="1:12" s="214" customFormat="1" ht="11.25" customHeight="1" x14ac:dyDescent="0.2">
      <c r="A3" s="681" t="s">
        <v>641</v>
      </c>
      <c r="B3" s="681"/>
      <c r="C3" s="681"/>
      <c r="D3" s="681"/>
      <c r="E3" s="681"/>
      <c r="F3" s="681"/>
      <c r="G3" s="681"/>
      <c r="H3" s="681"/>
    </row>
    <row r="4" spans="1:12" s="214" customFormat="1" ht="11.25" customHeight="1" x14ac:dyDescent="0.2">
      <c r="A4" s="681" t="s">
        <v>105</v>
      </c>
      <c r="B4" s="681"/>
      <c r="C4" s="681"/>
      <c r="D4" s="681"/>
      <c r="E4" s="681"/>
      <c r="F4" s="681"/>
      <c r="G4" s="681"/>
      <c r="H4" s="681"/>
    </row>
    <row r="5" spans="1:12" s="214" customFormat="1" ht="11.25" customHeight="1" x14ac:dyDescent="0.2">
      <c r="A5" s="681" t="s">
        <v>583</v>
      </c>
      <c r="B5" s="681"/>
      <c r="C5" s="681"/>
      <c r="D5" s="681"/>
      <c r="E5" s="681"/>
      <c r="F5" s="681"/>
      <c r="G5" s="681"/>
      <c r="H5" s="681"/>
    </row>
    <row r="6" spans="1:12" s="214" customFormat="1" ht="11.25" customHeight="1" x14ac:dyDescent="0.2">
      <c r="A6" s="681" t="s">
        <v>107</v>
      </c>
      <c r="B6" s="681"/>
      <c r="C6" s="681"/>
      <c r="D6" s="681"/>
      <c r="E6" s="681"/>
      <c r="F6" s="681"/>
      <c r="G6" s="681"/>
      <c r="H6" s="681"/>
    </row>
    <row r="7" spans="1:12" s="214" customFormat="1" ht="11.25" customHeight="1" x14ac:dyDescent="0.2">
      <c r="A7" s="681" t="s">
        <v>872</v>
      </c>
      <c r="B7" s="681"/>
      <c r="C7" s="681"/>
      <c r="D7" s="681"/>
      <c r="E7" s="681"/>
      <c r="F7" s="681"/>
      <c r="G7" s="681"/>
      <c r="H7" s="681"/>
    </row>
    <row r="8" spans="1:12" s="52" customFormat="1" ht="11.25" customHeight="1" x14ac:dyDescent="0.2">
      <c r="A8" s="28"/>
      <c r="B8" s="321"/>
      <c r="C8" s="321"/>
      <c r="D8" s="28"/>
      <c r="E8" s="441"/>
    </row>
    <row r="9" spans="1:12" s="52" customFormat="1" ht="11.25" customHeight="1" x14ac:dyDescent="0.2">
      <c r="A9" s="147" t="s">
        <v>584</v>
      </c>
      <c r="B9" s="350"/>
      <c r="C9" s="349"/>
      <c r="D9" s="480"/>
      <c r="E9" s="480"/>
      <c r="H9" s="236">
        <v>1</v>
      </c>
    </row>
    <row r="10" spans="1:12" s="219" customFormat="1" ht="16.5" customHeight="1" x14ac:dyDescent="0.2">
      <c r="A10" s="702" t="s">
        <v>585</v>
      </c>
      <c r="B10" s="739" t="s">
        <v>235</v>
      </c>
      <c r="C10" s="741"/>
      <c r="D10" s="755" t="s">
        <v>109</v>
      </c>
      <c r="E10" s="757"/>
      <c r="F10" s="757"/>
      <c r="G10" s="757"/>
      <c r="H10" s="757"/>
    </row>
    <row r="11" spans="1:12" s="219" customFormat="1" ht="18" customHeight="1" x14ac:dyDescent="0.2">
      <c r="A11" s="703"/>
      <c r="B11" s="764"/>
      <c r="C11" s="744"/>
      <c r="D11" s="739" t="s">
        <v>115</v>
      </c>
      <c r="E11" s="740"/>
      <c r="F11" s="742" t="s">
        <v>115</v>
      </c>
      <c r="G11" s="742"/>
      <c r="H11" s="739"/>
    </row>
    <row r="12" spans="1:12" s="219" customFormat="1" ht="18" customHeight="1" x14ac:dyDescent="0.2">
      <c r="A12" s="704"/>
      <c r="B12" s="765"/>
      <c r="C12" s="745"/>
      <c r="D12" s="754">
        <v>2015</v>
      </c>
      <c r="E12" s="776"/>
      <c r="F12" s="743">
        <v>2014</v>
      </c>
      <c r="G12" s="743"/>
      <c r="H12" s="765"/>
    </row>
    <row r="13" spans="1:12" s="219" customFormat="1" ht="11.25" customHeight="1" x14ac:dyDescent="0.2">
      <c r="A13" s="69" t="s">
        <v>586</v>
      </c>
      <c r="B13" s="809">
        <v>12571321330.900002</v>
      </c>
      <c r="C13" s="810"/>
      <c r="D13" s="809">
        <v>9597950801.7700024</v>
      </c>
      <c r="E13" s="810"/>
      <c r="F13" s="679">
        <v>9331131857.0499992</v>
      </c>
      <c r="G13" s="709"/>
      <c r="H13" s="709"/>
      <c r="J13" s="441"/>
      <c r="K13" s="441"/>
      <c r="L13" s="441"/>
    </row>
    <row r="14" spans="1:12" ht="11.25" customHeight="1" x14ac:dyDescent="0.2">
      <c r="A14" s="63" t="s">
        <v>587</v>
      </c>
      <c r="B14" s="673">
        <v>7047013200</v>
      </c>
      <c r="C14" s="674"/>
      <c r="D14" s="673">
        <v>5929966555.2800007</v>
      </c>
      <c r="E14" s="674"/>
      <c r="F14" s="659">
        <v>5600277731.3999987</v>
      </c>
      <c r="G14" s="660"/>
      <c r="H14" s="660"/>
      <c r="J14" s="441"/>
      <c r="K14" s="441"/>
      <c r="L14" s="441"/>
    </row>
    <row r="15" spans="1:12" ht="11.25" customHeight="1" x14ac:dyDescent="0.2">
      <c r="A15" s="120" t="s">
        <v>419</v>
      </c>
      <c r="B15" s="673">
        <v>5724506000</v>
      </c>
      <c r="C15" s="674"/>
      <c r="D15" s="673">
        <v>4914820523.25</v>
      </c>
      <c r="E15" s="674"/>
      <c r="F15" s="659">
        <v>4696523923.8599997</v>
      </c>
      <c r="G15" s="660"/>
      <c r="H15" s="660"/>
      <c r="J15" s="441"/>
      <c r="K15" s="441"/>
      <c r="L15" s="441"/>
    </row>
    <row r="16" spans="1:12" ht="11.25" customHeight="1" x14ac:dyDescent="0.2">
      <c r="A16" s="120" t="s">
        <v>420</v>
      </c>
      <c r="B16" s="673">
        <v>295507000</v>
      </c>
      <c r="C16" s="674"/>
      <c r="D16" s="673">
        <v>284316018.56999999</v>
      </c>
      <c r="E16" s="674"/>
      <c r="F16" s="659">
        <v>267072911.87</v>
      </c>
      <c r="G16" s="660"/>
      <c r="H16" s="660"/>
      <c r="J16" s="441"/>
      <c r="K16" s="441"/>
      <c r="L16" s="441"/>
    </row>
    <row r="17" spans="1:12" ht="11.25" customHeight="1" x14ac:dyDescent="0.2">
      <c r="A17" s="120" t="s">
        <v>421</v>
      </c>
      <c r="B17" s="673">
        <v>84640000</v>
      </c>
      <c r="C17" s="674"/>
      <c r="D17" s="818">
        <v>63260946.789999992</v>
      </c>
      <c r="E17" s="674"/>
      <c r="F17" s="659">
        <v>60703614.159999996</v>
      </c>
      <c r="G17" s="660"/>
      <c r="H17" s="660"/>
      <c r="J17" s="441"/>
      <c r="K17" s="441"/>
      <c r="L17" s="441"/>
    </row>
    <row r="18" spans="1:12" ht="11.25" customHeight="1" x14ac:dyDescent="0.2">
      <c r="A18" s="120" t="s">
        <v>418</v>
      </c>
      <c r="B18" s="673">
        <v>510400000</v>
      </c>
      <c r="C18" s="674"/>
      <c r="D18" s="673">
        <v>427293598.56999999</v>
      </c>
      <c r="E18" s="674"/>
      <c r="F18" s="659">
        <v>370582339.11000001</v>
      </c>
      <c r="G18" s="660"/>
      <c r="H18" s="660"/>
      <c r="J18" s="441"/>
      <c r="K18" s="441"/>
      <c r="L18" s="441"/>
    </row>
    <row r="19" spans="1:12" ht="11.25" customHeight="1" x14ac:dyDescent="0.2">
      <c r="A19" s="121" t="s">
        <v>422</v>
      </c>
      <c r="B19" s="673">
        <v>431960200</v>
      </c>
      <c r="C19" s="674"/>
      <c r="D19" s="673">
        <v>240275468.10000134</v>
      </c>
      <c r="E19" s="674"/>
      <c r="F19" s="659">
        <v>205394942.40000001</v>
      </c>
      <c r="G19" s="660"/>
      <c r="H19" s="660"/>
      <c r="J19" s="441"/>
      <c r="K19" s="441"/>
      <c r="L19" s="441"/>
    </row>
    <row r="20" spans="1:12" ht="11.25" customHeight="1" x14ac:dyDescent="0.2">
      <c r="A20" s="63" t="s">
        <v>588</v>
      </c>
      <c r="B20" s="673">
        <v>1568492900</v>
      </c>
      <c r="C20" s="674"/>
      <c r="D20" s="673">
        <v>942192031.72000003</v>
      </c>
      <c r="E20" s="674"/>
      <c r="F20" s="659">
        <v>257370066.88000003</v>
      </c>
      <c r="G20" s="660"/>
      <c r="H20" s="660"/>
      <c r="J20" s="441"/>
      <c r="K20" s="441"/>
      <c r="L20" s="441"/>
    </row>
    <row r="21" spans="1:12" ht="11.25" customHeight="1" x14ac:dyDescent="0.2">
      <c r="A21" s="63" t="s">
        <v>589</v>
      </c>
      <c r="B21" s="673">
        <v>1568492900</v>
      </c>
      <c r="C21" s="674"/>
      <c r="D21" s="673">
        <v>942192031.72000003</v>
      </c>
      <c r="E21" s="674"/>
      <c r="F21" s="659">
        <v>256695956.11000001</v>
      </c>
      <c r="G21" s="660"/>
      <c r="H21" s="660"/>
      <c r="J21" s="441"/>
      <c r="K21" s="441"/>
      <c r="L21" s="441"/>
    </row>
    <row r="22" spans="1:12" ht="11.25" customHeight="1" x14ac:dyDescent="0.2">
      <c r="A22" s="63" t="s">
        <v>155</v>
      </c>
      <c r="B22" s="673">
        <v>0</v>
      </c>
      <c r="C22" s="674"/>
      <c r="D22" s="673">
        <v>0</v>
      </c>
      <c r="E22" s="674"/>
      <c r="F22" s="659">
        <v>674110.77</v>
      </c>
      <c r="G22" s="660"/>
      <c r="H22" s="660"/>
      <c r="J22" s="441"/>
      <c r="K22" s="441"/>
      <c r="L22" s="441"/>
    </row>
    <row r="23" spans="1:12" ht="11.25" customHeight="1" x14ac:dyDescent="0.2">
      <c r="A23" s="63" t="s">
        <v>590</v>
      </c>
      <c r="B23" s="673">
        <v>100365740.11000001</v>
      </c>
      <c r="C23" s="674"/>
      <c r="D23" s="673">
        <v>8452683.8100000024</v>
      </c>
      <c r="E23" s="674"/>
      <c r="F23" s="659">
        <v>27212219.719999999</v>
      </c>
      <c r="G23" s="660"/>
      <c r="H23" s="660"/>
      <c r="J23" s="441"/>
      <c r="K23" s="441"/>
      <c r="L23" s="441"/>
    </row>
    <row r="24" spans="1:12" ht="11.25" customHeight="1" x14ac:dyDescent="0.2">
      <c r="A24" s="63" t="s">
        <v>312</v>
      </c>
      <c r="B24" s="673">
        <v>167760140.11000001</v>
      </c>
      <c r="C24" s="674"/>
      <c r="D24" s="673">
        <v>106831733</v>
      </c>
      <c r="E24" s="674"/>
      <c r="F24" s="659">
        <v>132279219.77</v>
      </c>
      <c r="G24" s="660"/>
      <c r="H24" s="660"/>
      <c r="J24" s="441"/>
      <c r="K24" s="441"/>
      <c r="L24" s="441"/>
    </row>
    <row r="25" spans="1:12" ht="11.25" customHeight="1" x14ac:dyDescent="0.2">
      <c r="A25" s="63" t="s">
        <v>591</v>
      </c>
      <c r="B25" s="673">
        <v>67394400</v>
      </c>
      <c r="C25" s="674"/>
      <c r="D25" s="673">
        <v>98379049.189999998</v>
      </c>
      <c r="E25" s="674"/>
      <c r="F25" s="659">
        <v>105067000.05</v>
      </c>
      <c r="G25" s="660"/>
      <c r="H25" s="660"/>
      <c r="J25" s="441"/>
      <c r="K25" s="441"/>
      <c r="L25" s="441"/>
    </row>
    <row r="26" spans="1:12" ht="11.25" customHeight="1" x14ac:dyDescent="0.2">
      <c r="A26" s="63" t="s">
        <v>182</v>
      </c>
      <c r="B26" s="673">
        <v>2984392800</v>
      </c>
      <c r="C26" s="674"/>
      <c r="D26" s="673">
        <v>1954499649.7100003</v>
      </c>
      <c r="E26" s="674"/>
      <c r="F26" s="659">
        <v>1926458477.79</v>
      </c>
      <c r="G26" s="660"/>
      <c r="H26" s="660"/>
      <c r="J26" s="441"/>
      <c r="K26" s="441"/>
      <c r="L26" s="441"/>
    </row>
    <row r="27" spans="1:12" ht="11.25" customHeight="1" x14ac:dyDescent="0.2">
      <c r="A27" s="70" t="s">
        <v>810</v>
      </c>
      <c r="B27" s="673">
        <v>856400000</v>
      </c>
      <c r="C27" s="674"/>
      <c r="D27" s="673">
        <v>672110928.09000003</v>
      </c>
      <c r="E27" s="674"/>
      <c r="F27" s="659">
        <v>632498014.62</v>
      </c>
      <c r="G27" s="660"/>
      <c r="H27" s="660"/>
      <c r="J27" s="441"/>
      <c r="K27" s="441"/>
      <c r="L27" s="441"/>
    </row>
    <row r="28" spans="1:12" ht="11.25" customHeight="1" x14ac:dyDescent="0.2">
      <c r="A28" s="63" t="s">
        <v>592</v>
      </c>
      <c r="B28" s="673">
        <v>283978900</v>
      </c>
      <c r="C28" s="674"/>
      <c r="D28" s="673">
        <v>18387374.899999999</v>
      </c>
      <c r="E28" s="674"/>
      <c r="F28" s="659">
        <v>56769669.640000001</v>
      </c>
      <c r="G28" s="660"/>
      <c r="H28" s="660"/>
      <c r="J28" s="441"/>
      <c r="K28" s="441"/>
      <c r="L28" s="441"/>
    </row>
    <row r="29" spans="1:12" ht="11.25" customHeight="1" x14ac:dyDescent="0.2">
      <c r="A29" s="63" t="s">
        <v>593</v>
      </c>
      <c r="B29" s="673">
        <v>1844013900</v>
      </c>
      <c r="C29" s="674"/>
      <c r="D29" s="673">
        <v>1264001346.7200003</v>
      </c>
      <c r="E29" s="674"/>
      <c r="F29" s="659">
        <v>1237190793.53</v>
      </c>
      <c r="G29" s="660"/>
      <c r="H29" s="660"/>
      <c r="J29" s="441"/>
      <c r="K29" s="441"/>
      <c r="L29" s="441"/>
    </row>
    <row r="30" spans="1:12" ht="11.25" customHeight="1" x14ac:dyDescent="0.2">
      <c r="A30" s="63" t="s">
        <v>594</v>
      </c>
      <c r="B30" s="673">
        <v>871056690.79000008</v>
      </c>
      <c r="C30" s="674"/>
      <c r="D30" s="673">
        <v>762839881.25</v>
      </c>
      <c r="E30" s="674"/>
      <c r="F30" s="659">
        <v>1519813361.26</v>
      </c>
      <c r="G30" s="660"/>
      <c r="H30" s="660"/>
      <c r="J30" s="441"/>
      <c r="K30" s="441"/>
      <c r="L30" s="441"/>
    </row>
    <row r="31" spans="1:12" ht="11.25" customHeight="1" x14ac:dyDescent="0.2">
      <c r="A31" s="63" t="s">
        <v>595</v>
      </c>
      <c r="B31" s="673">
        <v>10527913.460000001</v>
      </c>
      <c r="C31" s="674"/>
      <c r="D31" s="673">
        <v>10527913.460000001</v>
      </c>
      <c r="E31" s="674"/>
      <c r="F31" s="659">
        <v>14032665.01</v>
      </c>
      <c r="G31" s="660"/>
      <c r="H31" s="660"/>
      <c r="J31" s="441"/>
      <c r="K31" s="441"/>
      <c r="L31" s="441"/>
    </row>
    <row r="32" spans="1:12" ht="11.25" customHeight="1" x14ac:dyDescent="0.2">
      <c r="A32" s="63" t="s">
        <v>596</v>
      </c>
      <c r="B32" s="673">
        <v>860528777.33000004</v>
      </c>
      <c r="C32" s="674"/>
      <c r="D32" s="673">
        <v>752311967.78999996</v>
      </c>
      <c r="E32" s="674"/>
      <c r="F32" s="659">
        <v>1505780696.25</v>
      </c>
      <c r="G32" s="660"/>
      <c r="H32" s="660"/>
      <c r="J32" s="441"/>
      <c r="K32" s="441"/>
      <c r="L32" s="441"/>
    </row>
    <row r="33" spans="1:12" s="219" customFormat="1" ht="11.25" customHeight="1" x14ac:dyDescent="0.2">
      <c r="A33" s="69" t="s">
        <v>597</v>
      </c>
      <c r="B33" s="677">
        <v>717116479.28999996</v>
      </c>
      <c r="C33" s="678"/>
      <c r="D33" s="677">
        <v>458819095.07000005</v>
      </c>
      <c r="E33" s="678"/>
      <c r="F33" s="665">
        <v>957016383.92999995</v>
      </c>
      <c r="G33" s="666"/>
      <c r="H33" s="666"/>
      <c r="J33" s="441"/>
      <c r="K33" s="441"/>
      <c r="L33" s="441"/>
    </row>
    <row r="34" spans="1:12" ht="11.25" customHeight="1" x14ac:dyDescent="0.2">
      <c r="A34" s="63" t="s">
        <v>598</v>
      </c>
      <c r="B34" s="673">
        <v>43326855.170000002</v>
      </c>
      <c r="C34" s="674"/>
      <c r="D34" s="673">
        <v>18973571.649999999</v>
      </c>
      <c r="E34" s="674"/>
      <c r="F34" s="659">
        <v>468367778.14999998</v>
      </c>
      <c r="G34" s="660"/>
      <c r="H34" s="660"/>
      <c r="J34" s="441"/>
      <c r="K34" s="441"/>
      <c r="L34" s="441"/>
    </row>
    <row r="35" spans="1:12" ht="11.25" customHeight="1" x14ac:dyDescent="0.2">
      <c r="A35" s="63" t="s">
        <v>599</v>
      </c>
      <c r="B35" s="673">
        <v>2114324.12</v>
      </c>
      <c r="C35" s="674"/>
      <c r="D35" s="673">
        <v>2114324.12</v>
      </c>
      <c r="E35" s="674"/>
      <c r="F35" s="659">
        <v>1804706.34</v>
      </c>
      <c r="G35" s="660"/>
      <c r="H35" s="660"/>
      <c r="J35" s="441"/>
      <c r="K35" s="441"/>
      <c r="L35" s="441"/>
    </row>
    <row r="36" spans="1:12" s="219" customFormat="1" ht="11.25" customHeight="1" x14ac:dyDescent="0.2">
      <c r="A36" s="63" t="s">
        <v>871</v>
      </c>
      <c r="B36" s="673">
        <v>7652000</v>
      </c>
      <c r="C36" s="674"/>
      <c r="D36" s="673">
        <v>805609.37</v>
      </c>
      <c r="E36" s="674"/>
      <c r="F36" s="659">
        <v>6268309.7699999996</v>
      </c>
      <c r="G36" s="660"/>
      <c r="H36" s="660"/>
      <c r="J36" s="441"/>
      <c r="K36" s="441"/>
      <c r="L36" s="441"/>
    </row>
    <row r="37" spans="1:12" ht="11.25" customHeight="1" x14ac:dyDescent="0.2">
      <c r="A37" s="63" t="s">
        <v>600</v>
      </c>
      <c r="B37" s="673">
        <v>664023300</v>
      </c>
      <c r="C37" s="674"/>
      <c r="D37" s="673">
        <v>436925589.93000007</v>
      </c>
      <c r="E37" s="674"/>
      <c r="F37" s="659">
        <v>480575589.67000002</v>
      </c>
      <c r="G37" s="660"/>
      <c r="H37" s="660"/>
      <c r="J37" s="441"/>
      <c r="K37" s="441"/>
      <c r="L37" s="441"/>
    </row>
    <row r="38" spans="1:12" ht="11.25" customHeight="1" x14ac:dyDescent="0.2">
      <c r="A38" s="63" t="s">
        <v>592</v>
      </c>
      <c r="B38" s="673">
        <v>219840300</v>
      </c>
      <c r="C38" s="674"/>
      <c r="D38" s="673">
        <v>46833523.969999999</v>
      </c>
      <c r="E38" s="674"/>
      <c r="F38" s="659">
        <v>57251283.920000002</v>
      </c>
      <c r="G38" s="660"/>
      <c r="H38" s="660"/>
      <c r="J38" s="441"/>
      <c r="K38" s="441"/>
      <c r="L38" s="441"/>
    </row>
    <row r="39" spans="1:12" ht="11.25" customHeight="1" x14ac:dyDescent="0.2">
      <c r="A39" s="63" t="s">
        <v>601</v>
      </c>
      <c r="B39" s="673">
        <v>444183000</v>
      </c>
      <c r="C39" s="674"/>
      <c r="D39" s="673">
        <v>390092065.96000004</v>
      </c>
      <c r="E39" s="674"/>
      <c r="F39" s="659">
        <v>423324305.75</v>
      </c>
      <c r="G39" s="660"/>
      <c r="H39" s="660"/>
      <c r="J39" s="441"/>
      <c r="K39" s="441"/>
      <c r="L39" s="441"/>
    </row>
    <row r="40" spans="1:12" ht="11.25" customHeight="1" x14ac:dyDescent="0.2">
      <c r="A40" s="63" t="s">
        <v>203</v>
      </c>
      <c r="B40" s="673">
        <v>0</v>
      </c>
      <c r="C40" s="674"/>
      <c r="D40" s="673">
        <v>0</v>
      </c>
      <c r="E40" s="674"/>
      <c r="F40" s="659">
        <v>0</v>
      </c>
      <c r="G40" s="660"/>
      <c r="H40" s="660"/>
      <c r="J40" s="441"/>
      <c r="K40" s="441"/>
      <c r="L40" s="441"/>
    </row>
    <row r="41" spans="1:12" s="219" customFormat="1" ht="11.25" customHeight="1" x14ac:dyDescent="0.2">
      <c r="A41" s="69" t="s">
        <v>602</v>
      </c>
      <c r="B41" s="677">
        <v>664023300</v>
      </c>
      <c r="C41" s="678"/>
      <c r="D41" s="677">
        <v>436925589.93000007</v>
      </c>
      <c r="E41" s="678"/>
      <c r="F41" s="665">
        <v>480575589.67000002</v>
      </c>
      <c r="G41" s="666"/>
      <c r="H41" s="666"/>
      <c r="J41" s="441"/>
      <c r="K41" s="441"/>
      <c r="L41" s="441"/>
    </row>
    <row r="42" spans="1:12" s="219" customFormat="1" ht="15" customHeight="1" x14ac:dyDescent="0.2">
      <c r="A42" s="232" t="s">
        <v>603</v>
      </c>
      <c r="B42" s="801">
        <v>13235344630.900002</v>
      </c>
      <c r="C42" s="802"/>
      <c r="D42" s="801">
        <v>10034876391.700003</v>
      </c>
      <c r="E42" s="802"/>
      <c r="F42" s="669">
        <v>9811707446.7199993</v>
      </c>
      <c r="G42" s="708"/>
      <c r="H42" s="708"/>
    </row>
    <row r="43" spans="1:12" ht="5.0999999999999996" customHeight="1" x14ac:dyDescent="0.2">
      <c r="A43" s="71"/>
      <c r="B43" s="468"/>
      <c r="C43" s="225"/>
      <c r="D43" s="225"/>
    </row>
    <row r="44" spans="1:12" s="219" customFormat="1" ht="30.75" customHeight="1" x14ac:dyDescent="0.2">
      <c r="A44" s="702" t="s">
        <v>604</v>
      </c>
      <c r="B44" s="215" t="s">
        <v>157</v>
      </c>
      <c r="C44" s="755" t="s">
        <v>158</v>
      </c>
      <c r="D44" s="756"/>
      <c r="E44" s="755" t="s">
        <v>159</v>
      </c>
      <c r="F44" s="756"/>
      <c r="G44" s="753" t="s">
        <v>348</v>
      </c>
      <c r="H44" s="757"/>
    </row>
    <row r="45" spans="1:12" s="219" customFormat="1" ht="11.25" customHeight="1" x14ac:dyDescent="0.2">
      <c r="A45" s="703"/>
      <c r="B45" s="668" t="s">
        <v>112</v>
      </c>
      <c r="C45" s="216" t="s">
        <v>115</v>
      </c>
      <c r="D45" s="216" t="s">
        <v>115</v>
      </c>
      <c r="E45" s="216" t="s">
        <v>115</v>
      </c>
      <c r="F45" s="216" t="s">
        <v>115</v>
      </c>
      <c r="G45" s="753" t="s">
        <v>746</v>
      </c>
      <c r="H45" s="753" t="s">
        <v>747</v>
      </c>
    </row>
    <row r="46" spans="1:12" s="219" customFormat="1" ht="17.25" customHeight="1" x14ac:dyDescent="0.2">
      <c r="A46" s="704"/>
      <c r="B46" s="819"/>
      <c r="C46" s="221">
        <v>2015</v>
      </c>
      <c r="D46" s="223">
        <v>2014</v>
      </c>
      <c r="E46" s="221">
        <v>2015</v>
      </c>
      <c r="F46" s="223">
        <v>2014</v>
      </c>
      <c r="G46" s="754"/>
      <c r="H46" s="754"/>
    </row>
    <row r="47" spans="1:12" s="219" customFormat="1" ht="11.25" customHeight="1" x14ac:dyDescent="0.2">
      <c r="A47" s="69" t="s">
        <v>605</v>
      </c>
      <c r="B47" s="340">
        <v>13139226233.119999</v>
      </c>
      <c r="C47" s="340">
        <v>11221290970.299999</v>
      </c>
      <c r="D47" s="340">
        <v>9042169625.7299995</v>
      </c>
      <c r="E47" s="340">
        <v>9911298904.4000015</v>
      </c>
      <c r="F47" s="509">
        <v>8353254238.5799999</v>
      </c>
      <c r="G47" s="560"/>
      <c r="H47" s="561"/>
    </row>
    <row r="48" spans="1:12" ht="11.25" customHeight="1" x14ac:dyDescent="0.2">
      <c r="A48" s="63" t="s">
        <v>206</v>
      </c>
      <c r="B48" s="562">
        <v>7040411369</v>
      </c>
      <c r="C48" s="562">
        <v>6221920031.5799999</v>
      </c>
      <c r="D48" s="563">
        <v>5100299489.4899998</v>
      </c>
      <c r="E48" s="562">
        <v>5679310871.1800003</v>
      </c>
      <c r="F48" s="564">
        <v>4738715701.04</v>
      </c>
      <c r="G48" s="565"/>
      <c r="H48" s="519"/>
    </row>
    <row r="49" spans="1:8" ht="11.25" customHeight="1" x14ac:dyDescent="0.2">
      <c r="A49" s="63" t="s">
        <v>606</v>
      </c>
      <c r="B49" s="562">
        <v>270298743</v>
      </c>
      <c r="C49" s="562">
        <v>265258807.71000001</v>
      </c>
      <c r="D49" s="563">
        <v>172527133.47</v>
      </c>
      <c r="E49" s="562">
        <v>228685296.77000001</v>
      </c>
      <c r="F49" s="564">
        <v>169462688.96000001</v>
      </c>
      <c r="G49" s="562"/>
      <c r="H49" s="519"/>
    </row>
    <row r="50" spans="1:8" ht="11.25" customHeight="1" x14ac:dyDescent="0.2">
      <c r="A50" s="63" t="s">
        <v>207</v>
      </c>
      <c r="B50" s="562">
        <v>5828516121.1199999</v>
      </c>
      <c r="C50" s="562">
        <v>4734112131.0100002</v>
      </c>
      <c r="D50" s="563">
        <v>3769343002.77</v>
      </c>
      <c r="E50" s="562">
        <v>4003302736.4500003</v>
      </c>
      <c r="F50" s="564">
        <v>3445075848.5799999</v>
      </c>
      <c r="G50" s="562"/>
      <c r="H50" s="519"/>
    </row>
    <row r="51" spans="1:8" ht="11.25" customHeight="1" x14ac:dyDescent="0.2">
      <c r="A51" s="123" t="s">
        <v>880</v>
      </c>
      <c r="B51" s="562">
        <v>2046290794.5699999</v>
      </c>
      <c r="C51" s="562">
        <v>1961059900</v>
      </c>
      <c r="D51" s="563">
        <v>1655525000</v>
      </c>
      <c r="E51" s="562">
        <v>1707594345.48</v>
      </c>
      <c r="F51" s="564">
        <v>1614042372.6600001</v>
      </c>
      <c r="G51" s="562"/>
      <c r="H51" s="519"/>
    </row>
    <row r="52" spans="1:8" ht="11.25" customHeight="1" x14ac:dyDescent="0.2">
      <c r="A52" s="123" t="s">
        <v>881</v>
      </c>
      <c r="B52" s="562">
        <v>3782225326.5500002</v>
      </c>
      <c r="C52" s="562">
        <v>2773052231.0100002</v>
      </c>
      <c r="D52" s="563">
        <v>2113818002.77</v>
      </c>
      <c r="E52" s="562">
        <v>2295708390.9700003</v>
      </c>
      <c r="F52" s="564">
        <v>1831033475.9200001</v>
      </c>
      <c r="G52" s="562"/>
      <c r="H52" s="519"/>
    </row>
    <row r="53" spans="1:8" s="219" customFormat="1" ht="11.25" customHeight="1" x14ac:dyDescent="0.2">
      <c r="A53" s="69" t="s">
        <v>607</v>
      </c>
      <c r="B53" s="340">
        <v>12868927490.119999</v>
      </c>
      <c r="C53" s="340">
        <v>10956032162.59</v>
      </c>
      <c r="D53" s="340">
        <v>8869642492.2600002</v>
      </c>
      <c r="E53" s="340">
        <v>9682613607.6300011</v>
      </c>
      <c r="F53" s="566">
        <v>8183791549.6199999</v>
      </c>
      <c r="G53" s="567"/>
      <c r="H53" s="568"/>
    </row>
    <row r="54" spans="1:8" s="219" customFormat="1" ht="11.25" customHeight="1" x14ac:dyDescent="0.2">
      <c r="A54" s="50" t="s">
        <v>608</v>
      </c>
      <c r="B54" s="340">
        <v>1994453180.8800001</v>
      </c>
      <c r="C54" s="340">
        <v>1512038360.02</v>
      </c>
      <c r="D54" s="340">
        <v>2609951975.27</v>
      </c>
      <c r="E54" s="340">
        <v>1096813402.8299999</v>
      </c>
      <c r="F54" s="509">
        <v>1947950543.9900002</v>
      </c>
      <c r="G54" s="340"/>
      <c r="H54" s="568"/>
    </row>
    <row r="55" spans="1:8" ht="11.25" customHeight="1" x14ac:dyDescent="0.2">
      <c r="A55" s="63" t="s">
        <v>578</v>
      </c>
      <c r="B55" s="562">
        <v>1217892680.8800001</v>
      </c>
      <c r="C55" s="562">
        <v>740617337.5</v>
      </c>
      <c r="D55" s="564">
        <v>1863384464.1900001</v>
      </c>
      <c r="E55" s="562">
        <v>379294555.56</v>
      </c>
      <c r="F55" s="564">
        <v>1207129574.95</v>
      </c>
      <c r="G55" s="562"/>
      <c r="H55" s="519"/>
    </row>
    <row r="56" spans="1:8" ht="11.25" customHeight="1" x14ac:dyDescent="0.2">
      <c r="A56" s="63" t="s">
        <v>241</v>
      </c>
      <c r="B56" s="562">
        <v>2746074</v>
      </c>
      <c r="C56" s="562">
        <v>473411.76</v>
      </c>
      <c r="D56" s="562">
        <v>42378405.469999999</v>
      </c>
      <c r="E56" s="562">
        <v>473411.76</v>
      </c>
      <c r="F56" s="564">
        <v>42378405.470000006</v>
      </c>
      <c r="G56" s="562"/>
      <c r="H56" s="519"/>
    </row>
    <row r="57" spans="1:8" ht="11.25" customHeight="1" x14ac:dyDescent="0.2">
      <c r="A57" s="63" t="s">
        <v>609</v>
      </c>
      <c r="B57" s="562">
        <v>0</v>
      </c>
      <c r="C57" s="562">
        <v>473281</v>
      </c>
      <c r="D57" s="564">
        <v>2289453.9500000002</v>
      </c>
      <c r="E57" s="562">
        <v>473281</v>
      </c>
      <c r="F57" s="564">
        <v>2289453.9500000002</v>
      </c>
      <c r="G57" s="562"/>
      <c r="H57" s="519"/>
    </row>
    <row r="58" spans="1:8" ht="11.25" customHeight="1" x14ac:dyDescent="0.2">
      <c r="A58" s="63" t="s">
        <v>610</v>
      </c>
      <c r="B58" s="562">
        <v>0</v>
      </c>
      <c r="C58" s="562">
        <v>0</v>
      </c>
      <c r="D58" s="564">
        <v>0</v>
      </c>
      <c r="E58" s="562">
        <v>0</v>
      </c>
      <c r="F58" s="564">
        <v>0</v>
      </c>
      <c r="G58" s="562"/>
      <c r="H58" s="519"/>
    </row>
    <row r="59" spans="1:8" ht="11.25" customHeight="1" x14ac:dyDescent="0.2">
      <c r="A59" s="63" t="s">
        <v>611</v>
      </c>
      <c r="B59" s="562">
        <v>2746074</v>
      </c>
      <c r="C59" s="562">
        <v>130.76000000000931</v>
      </c>
      <c r="D59" s="564">
        <v>40088951.519999996</v>
      </c>
      <c r="E59" s="562">
        <v>130.76000000000931</v>
      </c>
      <c r="F59" s="564">
        <v>40088951.520000003</v>
      </c>
      <c r="G59" s="562"/>
      <c r="H59" s="519"/>
    </row>
    <row r="60" spans="1:8" ht="11.25" customHeight="1" x14ac:dyDescent="0.2">
      <c r="A60" s="63" t="s">
        <v>612</v>
      </c>
      <c r="B60" s="562">
        <v>773814426</v>
      </c>
      <c r="C60" s="562">
        <v>770947610.75999999</v>
      </c>
      <c r="D60" s="564">
        <v>704189105.61000001</v>
      </c>
      <c r="E60" s="562">
        <v>717045435.50999999</v>
      </c>
      <c r="F60" s="564">
        <v>698442563.57000005</v>
      </c>
      <c r="G60" s="562"/>
      <c r="H60" s="519"/>
    </row>
    <row r="61" spans="1:8" s="219" customFormat="1" ht="11.25" customHeight="1" x14ac:dyDescent="0.2">
      <c r="A61" s="50" t="s">
        <v>613</v>
      </c>
      <c r="B61" s="340">
        <v>1220638754.8800001</v>
      </c>
      <c r="C61" s="340">
        <v>740617468.25999999</v>
      </c>
      <c r="D61" s="340">
        <v>1903473415.71</v>
      </c>
      <c r="E61" s="340">
        <v>379294686.31999993</v>
      </c>
      <c r="F61" s="509">
        <v>1247218526.4700003</v>
      </c>
      <c r="G61" s="340"/>
      <c r="H61" s="568"/>
    </row>
    <row r="62" spans="1:8" s="219" customFormat="1" ht="11.25" customHeight="1" x14ac:dyDescent="0.2">
      <c r="A62" s="50" t="s">
        <v>614</v>
      </c>
      <c r="B62" s="340">
        <v>22302853</v>
      </c>
      <c r="C62" s="340">
        <v>0</v>
      </c>
      <c r="D62" s="509">
        <v>0</v>
      </c>
      <c r="E62" s="340">
        <v>0</v>
      </c>
      <c r="F62" s="509">
        <v>0</v>
      </c>
      <c r="G62" s="340"/>
      <c r="H62" s="568"/>
    </row>
    <row r="63" spans="1:8" s="219" customFormat="1" ht="11.25" customHeight="1" x14ac:dyDescent="0.2">
      <c r="A63" s="50" t="s">
        <v>615</v>
      </c>
      <c r="B63" s="340">
        <v>28960200</v>
      </c>
      <c r="C63" s="340">
        <v>0</v>
      </c>
      <c r="D63" s="509">
        <v>0</v>
      </c>
      <c r="E63" s="340">
        <v>0</v>
      </c>
      <c r="F63" s="509">
        <v>0</v>
      </c>
      <c r="G63" s="340"/>
      <c r="H63" s="569"/>
    </row>
    <row r="64" spans="1:8" s="219" customFormat="1" ht="15" customHeight="1" x14ac:dyDescent="0.2">
      <c r="A64" s="125" t="s">
        <v>616</v>
      </c>
      <c r="B64" s="383">
        <v>14140829298</v>
      </c>
      <c r="C64" s="383">
        <v>11696649630.85</v>
      </c>
      <c r="D64" s="383">
        <v>10773115907.970001</v>
      </c>
      <c r="E64" s="383">
        <v>10061908293.950001</v>
      </c>
      <c r="F64" s="506">
        <v>9431010076.0900002</v>
      </c>
      <c r="G64" s="383">
        <v>0</v>
      </c>
      <c r="H64" s="385">
        <v>0</v>
      </c>
    </row>
    <row r="65" spans="1:8" ht="5.0999999999999996" customHeight="1" x14ac:dyDescent="0.2">
      <c r="A65" s="124"/>
      <c r="B65" s="570"/>
      <c r="C65" s="570"/>
      <c r="D65" s="570"/>
      <c r="E65" s="571"/>
      <c r="F65" s="519"/>
      <c r="G65" s="572"/>
      <c r="H65" s="519"/>
    </row>
    <row r="66" spans="1:8" s="219" customFormat="1" ht="15" customHeight="1" x14ac:dyDescent="0.2">
      <c r="A66" s="125" t="s">
        <v>617</v>
      </c>
      <c r="B66" s="508">
        <v>-905484667.09999847</v>
      </c>
      <c r="C66" s="508"/>
      <c r="D66" s="383"/>
      <c r="E66" s="508">
        <v>-27031902.249998093</v>
      </c>
      <c r="F66" s="508">
        <v>380697370.62999916</v>
      </c>
      <c r="G66" s="508">
        <v>0</v>
      </c>
      <c r="H66" s="240"/>
    </row>
    <row r="67" spans="1:8" ht="5.0999999999999996" customHeight="1" x14ac:dyDescent="0.2">
      <c r="A67" s="124"/>
      <c r="B67" s="570"/>
      <c r="C67" s="570"/>
      <c r="D67" s="570"/>
      <c r="E67" s="571"/>
      <c r="F67" s="519"/>
      <c r="G67" s="571"/>
      <c r="H67" s="519"/>
    </row>
    <row r="68" spans="1:8" s="219" customFormat="1" ht="15" customHeight="1" x14ac:dyDescent="0.2">
      <c r="A68" s="125" t="s">
        <v>618</v>
      </c>
      <c r="B68" s="517"/>
      <c r="C68" s="517"/>
      <c r="D68" s="517"/>
      <c r="E68" s="240"/>
      <c r="F68" s="240"/>
      <c r="G68" s="240"/>
      <c r="H68" s="240"/>
    </row>
    <row r="69" spans="1:8" ht="5.0999999999999996" customHeight="1" x14ac:dyDescent="0.2">
      <c r="A69" s="63"/>
      <c r="B69" s="225"/>
      <c r="C69" s="225"/>
      <c r="D69" s="225"/>
    </row>
    <row r="70" spans="1:8" s="237" customFormat="1" ht="11.25" customHeight="1" x14ac:dyDescent="0.2">
      <c r="A70" s="822" t="s">
        <v>569</v>
      </c>
      <c r="B70" s="822"/>
      <c r="C70" s="822"/>
      <c r="D70" s="823"/>
      <c r="E70" s="739" t="s">
        <v>570</v>
      </c>
      <c r="F70" s="740"/>
      <c r="G70" s="740"/>
      <c r="H70" s="740"/>
    </row>
    <row r="71" spans="1:8" s="237" customFormat="1" ht="11.25" customHeight="1" x14ac:dyDescent="0.2">
      <c r="A71" s="824"/>
      <c r="B71" s="824"/>
      <c r="C71" s="824"/>
      <c r="D71" s="825"/>
      <c r="E71" s="765"/>
      <c r="F71" s="766"/>
      <c r="G71" s="766"/>
      <c r="H71" s="766"/>
    </row>
    <row r="72" spans="1:8" ht="15" customHeight="1" x14ac:dyDescent="0.2">
      <c r="A72" s="826" t="s">
        <v>619</v>
      </c>
      <c r="B72" s="826"/>
      <c r="C72" s="826"/>
      <c r="D72" s="827"/>
      <c r="E72" s="820">
        <v>471749000</v>
      </c>
      <c r="F72" s="821"/>
      <c r="G72" s="821"/>
      <c r="H72" s="821"/>
    </row>
    <row r="73" spans="1:8" ht="11.25" customHeight="1" x14ac:dyDescent="0.2">
      <c r="A73" s="51" t="s">
        <v>865</v>
      </c>
      <c r="B73" s="162"/>
      <c r="C73" s="162"/>
      <c r="D73" s="162"/>
      <c r="E73" s="162"/>
      <c r="F73" s="162"/>
      <c r="G73" s="162"/>
      <c r="H73" s="314"/>
    </row>
    <row r="74" spans="1:8" s="224" customFormat="1" ht="11.25" customHeight="1" x14ac:dyDescent="0.2">
      <c r="B74" s="482"/>
      <c r="C74" s="482"/>
      <c r="D74" s="482"/>
      <c r="E74" s="482"/>
      <c r="F74" s="482"/>
    </row>
    <row r="75" spans="1:8" s="413" customFormat="1" ht="11.25" customHeight="1" x14ac:dyDescent="0.2">
      <c r="C75" s="481"/>
      <c r="D75" s="481"/>
      <c r="E75" s="481"/>
      <c r="F75" s="481"/>
    </row>
    <row r="82" s="51" customFormat="1" ht="11.25" customHeight="1" x14ac:dyDescent="0.2"/>
    <row r="83" s="51" customFormat="1" ht="11.25" customHeight="1" x14ac:dyDescent="0.2"/>
    <row r="84" s="51" customFormat="1" ht="11.25" customHeight="1" x14ac:dyDescent="0.2"/>
    <row r="85" s="51" customFormat="1" ht="11.25" customHeight="1" x14ac:dyDescent="0.2"/>
    <row r="86" s="51" customFormat="1" ht="11.25" customHeight="1" x14ac:dyDescent="0.2"/>
    <row r="87" s="51" customFormat="1" ht="11.25" customHeight="1" x14ac:dyDescent="0.2"/>
    <row r="88" s="51" customFormat="1" ht="11.25" customHeight="1" x14ac:dyDescent="0.2"/>
  </sheetData>
  <customSheetViews>
    <customSheetView guid="{C779D862-DE28-46CD-A428-4AAA1056D1E1}" scale="90" showPageBreaks="1" showGridLines="0" fitToPage="1" printArea="1">
      <selection activeCell="I70" sqref="I70:J70"/>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82EDB5A4-4824-4632-A540-7A52C92F04C7}" scale="95" showPageBreaks="1" showGridLines="0" fitToPage="1" printArea="1" topLeftCell="A10">
      <pane xSplit="1" ySplit="3" topLeftCell="B55" activePane="bottomRight" state="frozen"/>
      <selection pane="bottomRight" activeCell="E72" sqref="E72:H72"/>
      <pageMargins left="0.19685039370078741" right="0.19685039370078741" top="0.59055118110236227" bottom="0.19685039370078741" header="0" footer="0"/>
      <printOptions horizontalCentered="1"/>
      <pageSetup paperSize="9" scale="53" orientation="portrait" r:id="rId2"/>
      <headerFooter alignWithMargins="0"/>
    </customSheetView>
    <customSheetView guid="{6DBFA32C-4AA4-4E1D-9A48-697377C64CC3}" showGridLines="0" fitToPage="1">
      <selection activeCell="D14" sqref="D14:E14"/>
      <pageMargins left="0.19685039370078741" right="0.19685039370078741" top="0.59055118110236227" bottom="0.19685039370078741" header="0" footer="0"/>
      <printOptions horizontalCentered="1"/>
      <pageSetup paperSize="9" scale="53" orientation="portrait" r:id="rId3"/>
      <headerFooter alignWithMargins="0"/>
    </customSheetView>
    <customSheetView guid="{25EF1E0D-169B-4051-B414-7E1196FC05E4}" showGridLines="0" fitToPage="1" topLeftCell="A37">
      <selection activeCell="F66" sqref="F66"/>
      <pageMargins left="0.19685039370078741" right="0.19685039370078741" top="0.19685039370078741" bottom="0.19685039370078741" header="0" footer="0"/>
      <printOptions horizontalCentered="1"/>
      <pageSetup paperSize="9" scale="52" orientation="portrait" r:id="rId4"/>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3AAF6A5F-F9AA-430B-9AD9-1261ECDF41B5}" showPageBreaks="1" showGridLines="0" fitToPage="1" printArea="1">
      <selection activeCell="E72" sqref="E72:H72"/>
      <pageMargins left="0.19685039370078741" right="0.19685039370078741" top="0.59055118110236227" bottom="0.19685039370078741" header="0" footer="0"/>
      <printOptions horizontalCentered="1"/>
      <pageSetup paperSize="9" scale="52" orientation="portrait" r:id="rId7"/>
      <headerFooter alignWithMargins="0"/>
    </customSheetView>
  </customSheetViews>
  <mergeCells count="113">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B29:C29"/>
    <mergeCell ref="D29:E29"/>
    <mergeCell ref="F29:H29"/>
    <mergeCell ref="B30:C30"/>
    <mergeCell ref="D30:E30"/>
    <mergeCell ref="F30:H30"/>
    <mergeCell ref="B27:C27"/>
    <mergeCell ref="D27:E27"/>
    <mergeCell ref="F27:H27"/>
    <mergeCell ref="B28:C28"/>
    <mergeCell ref="D28:E28"/>
    <mergeCell ref="F28:H28"/>
    <mergeCell ref="B33:C33"/>
    <mergeCell ref="D33:E33"/>
    <mergeCell ref="F33:H33"/>
    <mergeCell ref="B34:C34"/>
    <mergeCell ref="D34:E34"/>
    <mergeCell ref="F34:H34"/>
    <mergeCell ref="B31:C31"/>
    <mergeCell ref="D31:E31"/>
    <mergeCell ref="F31:H31"/>
    <mergeCell ref="B32:C32"/>
    <mergeCell ref="D32:E32"/>
    <mergeCell ref="F32:H32"/>
    <mergeCell ref="B37:C37"/>
    <mergeCell ref="D37:E37"/>
    <mergeCell ref="F37:H37"/>
    <mergeCell ref="B38:C38"/>
    <mergeCell ref="D38:E38"/>
    <mergeCell ref="F38:H38"/>
    <mergeCell ref="B35:C35"/>
    <mergeCell ref="D35:E35"/>
    <mergeCell ref="F35:H35"/>
    <mergeCell ref="B36:C36"/>
    <mergeCell ref="D36:E36"/>
    <mergeCell ref="F36:H36"/>
    <mergeCell ref="B41:C41"/>
    <mergeCell ref="D41:E41"/>
    <mergeCell ref="F41:H41"/>
    <mergeCell ref="B42:C42"/>
    <mergeCell ref="D42:E42"/>
    <mergeCell ref="F42:H42"/>
    <mergeCell ref="B39:C39"/>
    <mergeCell ref="D39:E39"/>
    <mergeCell ref="F39:H39"/>
    <mergeCell ref="B40:C40"/>
    <mergeCell ref="D40:E40"/>
    <mergeCell ref="F40:H40"/>
  </mergeCells>
  <printOptions horizontalCentered="1"/>
  <pageMargins left="0.19685039370078741" right="0.19685039370078741" top="0.59055118110236227" bottom="0.19685039370078741" header="0" footer="0"/>
  <pageSetup paperSize="9" scale="53"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4-08T14:57:58Z</cp:lastPrinted>
  <dcterms:created xsi:type="dcterms:W3CDTF">2004-08-09T19:29:24Z</dcterms:created>
  <dcterms:modified xsi:type="dcterms:W3CDTF">2016-04-08T15:23:33Z</dcterms:modified>
</cp:coreProperties>
</file>